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Ⅲ指標\２.　保険料・税\ＸＬＳ\"/>
    </mc:Choice>
  </mc:AlternateContent>
  <bookViews>
    <workbookView xWindow="0" yWindow="0" windowWidth="20490" windowHeight="7185"/>
  </bookViews>
  <sheets>
    <sheet name="収納率（滞繰）" sheetId="1" r:id="rId1"/>
  </sheet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'収納率（滞繰）'!$A$1:$N$5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1" uniqueCount="66">
  <si>
    <t>２.　保険料・税（２）　収納率の状況</t>
    <rPh sb="12" eb="14">
      <t>シュウノウ</t>
    </rPh>
    <rPh sb="14" eb="15">
      <t>リツ</t>
    </rPh>
    <rPh sb="16" eb="18">
      <t>ジョウキョウ</t>
    </rPh>
    <phoneticPr fontId="4"/>
  </si>
  <si>
    <t>・収納率の推移（滞納繰越分）</t>
    <rPh sb="1" eb="3">
      <t>シュウノウ</t>
    </rPh>
    <rPh sb="3" eb="4">
      <t>リツ</t>
    </rPh>
    <rPh sb="5" eb="7">
      <t>スイイ</t>
    </rPh>
    <rPh sb="8" eb="10">
      <t>タイノウ</t>
    </rPh>
    <rPh sb="10" eb="12">
      <t>クリコシ</t>
    </rPh>
    <rPh sb="12" eb="13">
      <t>ブン</t>
    </rPh>
    <phoneticPr fontId="4"/>
  </si>
  <si>
    <t>保険者名</t>
  </si>
  <si>
    <t>23年度</t>
    <phoneticPr fontId="4"/>
  </si>
  <si>
    <t>24年度</t>
    <phoneticPr fontId="4"/>
  </si>
  <si>
    <t>25年度</t>
    <phoneticPr fontId="4"/>
  </si>
  <si>
    <t>26年度</t>
    <phoneticPr fontId="4"/>
  </si>
  <si>
    <t>27年度</t>
    <phoneticPr fontId="4"/>
  </si>
  <si>
    <t>28年度</t>
    <phoneticPr fontId="4"/>
  </si>
  <si>
    <t>収納率</t>
  </si>
  <si>
    <t>順</t>
  </si>
  <si>
    <t>（％）</t>
  </si>
  <si>
    <t>位</t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城山町</t>
  </si>
  <si>
    <t>－</t>
  </si>
  <si>
    <t xml:space="preserve"> 津久井町</t>
  </si>
  <si>
    <t xml:space="preserve"> 相模湖町</t>
  </si>
  <si>
    <t xml:space="preserve"> 藤野町</t>
  </si>
  <si>
    <t xml:space="preserve"> 医師</t>
  </si>
  <si>
    <t xml:space="preserve"> 歯科医師</t>
  </si>
  <si>
    <t xml:space="preserve"> 食品衛生</t>
  </si>
  <si>
    <t>滞納なし</t>
    <rPh sb="0" eb="2">
      <t>タイノウ</t>
    </rPh>
    <phoneticPr fontId="4"/>
  </si>
  <si>
    <t>滞納なし</t>
  </si>
  <si>
    <t>－</t>
    <phoneticPr fontId="4"/>
  </si>
  <si>
    <t xml:space="preserve"> 薬剤師</t>
  </si>
  <si>
    <t>-</t>
    <phoneticPr fontId="4"/>
  </si>
  <si>
    <t xml:space="preserve"> 建設業</t>
  </si>
  <si>
    <t>－</t>
    <phoneticPr fontId="4"/>
  </si>
  <si>
    <t xml:space="preserve"> 建設連合</t>
  </si>
  <si>
    <t>市町村平均</t>
  </si>
  <si>
    <t>組 合 平 均</t>
    <phoneticPr fontId="4"/>
  </si>
  <si>
    <t>県   平   均</t>
    <phoneticPr fontId="4"/>
  </si>
  <si>
    <t>-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_);[Red]\(0\)"/>
    <numFmt numFmtId="177" formatCode="0.00_ "/>
  </numFmts>
  <fonts count="9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9"/>
      <name val="ＭＳ Ｐゴシック"/>
      <family val="3"/>
      <charset val="128"/>
    </font>
    <font>
      <sz val="9"/>
      <name val="ＭＳ ゴシック"/>
      <family val="3"/>
      <charset val="128"/>
    </font>
    <font>
      <sz val="10"/>
      <name val="ＭＳ Ｐゴシック"/>
      <family val="3"/>
      <charset val="128"/>
    </font>
    <font>
      <sz val="8"/>
      <color indexed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68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/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hair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/>
      <bottom style="double">
        <color indexed="64"/>
      </bottom>
      <diagonal/>
    </border>
    <border>
      <left style="hair">
        <color indexed="64"/>
      </left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6">
    <xf numFmtId="0" fontId="0" fillId="0" borderId="0"/>
    <xf numFmtId="38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38" fontId="1" fillId="0" borderId="0" applyFont="0" applyFill="0" applyBorder="0" applyAlignment="0" applyProtection="0"/>
    <xf numFmtId="0" fontId="1" fillId="0" borderId="0"/>
  </cellStyleXfs>
  <cellXfs count="149">
    <xf numFmtId="0" fontId="0" fillId="0" borderId="0" xfId="0"/>
    <xf numFmtId="38" fontId="2" fillId="0" borderId="0" xfId="1" applyFont="1"/>
    <xf numFmtId="0" fontId="5" fillId="0" borderId="0" xfId="0" applyNumberFormat="1" applyFont="1"/>
    <xf numFmtId="0" fontId="5" fillId="0" borderId="0" xfId="0" applyNumberFormat="1" applyFont="1" applyAlignment="1">
      <alignment horizontal="center"/>
    </xf>
    <xf numFmtId="0" fontId="2" fillId="0" borderId="0" xfId="0" applyNumberFormat="1" applyFont="1"/>
    <xf numFmtId="0" fontId="5" fillId="0" borderId="0" xfId="0" applyNumberFormat="1" applyFont="1" applyAlignment="1">
      <alignment vertical="center"/>
    </xf>
    <xf numFmtId="0" fontId="5" fillId="0" borderId="11" xfId="0" applyNumberFormat="1" applyFont="1" applyBorder="1" applyAlignment="1">
      <alignment horizontal="center"/>
    </xf>
    <xf numFmtId="0" fontId="5" fillId="0" borderId="12" xfId="0" applyNumberFormat="1" applyFont="1" applyBorder="1" applyAlignment="1">
      <alignment horizontal="center"/>
    </xf>
    <xf numFmtId="0" fontId="5" fillId="0" borderId="0" xfId="0" applyNumberFormat="1" applyFont="1" applyBorder="1" applyAlignment="1">
      <alignment horizontal="center"/>
    </xf>
    <xf numFmtId="0" fontId="5" fillId="0" borderId="13" xfId="0" applyNumberFormat="1" applyFont="1" applyBorder="1" applyAlignment="1">
      <alignment horizontal="center"/>
    </xf>
    <xf numFmtId="0" fontId="5" fillId="0" borderId="14" xfId="0" applyNumberFormat="1" applyFont="1" applyBorder="1" applyAlignment="1">
      <alignment horizontal="center"/>
    </xf>
    <xf numFmtId="0" fontId="5" fillId="0" borderId="16" xfId="0" applyNumberFormat="1" applyFont="1" applyBorder="1" applyAlignment="1">
      <alignment horizontal="center"/>
    </xf>
    <xf numFmtId="0" fontId="5" fillId="0" borderId="17" xfId="0" applyNumberFormat="1" applyFont="1" applyBorder="1" applyAlignment="1">
      <alignment horizontal="center"/>
    </xf>
    <xf numFmtId="0" fontId="5" fillId="0" borderId="18" xfId="0" applyNumberFormat="1" applyFont="1" applyBorder="1" applyAlignment="1">
      <alignment horizontal="center"/>
    </xf>
    <xf numFmtId="0" fontId="5" fillId="0" borderId="21" xfId="0" applyNumberFormat="1" applyFont="1" applyBorder="1" applyAlignment="1">
      <alignment horizontal="center"/>
    </xf>
    <xf numFmtId="0" fontId="5" fillId="0" borderId="22" xfId="0" applyNumberFormat="1" applyFont="1" applyBorder="1" applyAlignment="1">
      <alignment horizontal="center"/>
    </xf>
    <xf numFmtId="0" fontId="5" fillId="0" borderId="23" xfId="0" applyNumberFormat="1" applyFont="1" applyBorder="1" applyAlignment="1">
      <alignment horizontal="center"/>
    </xf>
    <xf numFmtId="0" fontId="5" fillId="0" borderId="24" xfId="0" applyNumberFormat="1" applyFont="1" applyBorder="1" applyAlignment="1">
      <alignment horizontal="center"/>
    </xf>
    <xf numFmtId="0" fontId="5" fillId="0" borderId="25" xfId="0" applyNumberFormat="1" applyFont="1" applyBorder="1" applyAlignment="1">
      <alignment horizontal="center"/>
    </xf>
    <xf numFmtId="0" fontId="5" fillId="0" borderId="26" xfId="0" applyNumberFormat="1" applyFont="1" applyBorder="1" applyAlignment="1">
      <alignment horizontal="center"/>
    </xf>
    <xf numFmtId="0" fontId="5" fillId="0" borderId="9" xfId="0" applyNumberFormat="1" applyFont="1" applyBorder="1"/>
    <xf numFmtId="0" fontId="6" fillId="0" borderId="27" xfId="0" applyNumberFormat="1" applyFont="1" applyBorder="1"/>
    <xf numFmtId="38" fontId="7" fillId="0" borderId="12" xfId="1" applyFont="1" applyBorder="1" applyAlignment="1"/>
    <xf numFmtId="40" fontId="7" fillId="0" borderId="14" xfId="1" applyNumberFormat="1" applyFont="1" applyBorder="1" applyAlignment="1"/>
    <xf numFmtId="40" fontId="7" fillId="0" borderId="15" xfId="1" applyNumberFormat="1" applyFont="1" applyBorder="1" applyAlignment="1"/>
    <xf numFmtId="2" fontId="7" fillId="0" borderId="30" xfId="3" applyNumberFormat="1" applyFont="1" applyBorder="1"/>
    <xf numFmtId="38" fontId="7" fillId="0" borderId="13" xfId="4" applyFont="1" applyBorder="1" applyAlignment="1"/>
    <xf numFmtId="2" fontId="7" fillId="0" borderId="31" xfId="4" applyNumberFormat="1" applyFont="1" applyBorder="1" applyAlignment="1"/>
    <xf numFmtId="176" fontId="7" fillId="0" borderId="15" xfId="4" applyNumberFormat="1" applyFont="1" applyBorder="1" applyAlignment="1"/>
    <xf numFmtId="2" fontId="7" fillId="0" borderId="31" xfId="2" applyNumberFormat="1" applyFont="1" applyBorder="1"/>
    <xf numFmtId="38" fontId="7" fillId="0" borderId="18" xfId="1" applyFont="1" applyBorder="1" applyAlignment="1"/>
    <xf numFmtId="38" fontId="8" fillId="0" borderId="0" xfId="1" applyFont="1"/>
    <xf numFmtId="0" fontId="5" fillId="0" borderId="32" xfId="0" applyNumberFormat="1" applyFont="1" applyBorder="1"/>
    <xf numFmtId="0" fontId="6" fillId="0" borderId="33" xfId="0" applyNumberFormat="1" applyFont="1" applyBorder="1"/>
    <xf numFmtId="40" fontId="7" fillId="0" borderId="37" xfId="1" applyNumberFormat="1" applyFont="1" applyBorder="1" applyAlignment="1"/>
    <xf numFmtId="38" fontId="7" fillId="0" borderId="35" xfId="1" applyFont="1" applyBorder="1" applyAlignment="1"/>
    <xf numFmtId="40" fontId="7" fillId="0" borderId="36" xfId="1" applyNumberFormat="1" applyFont="1" applyBorder="1" applyAlignment="1"/>
    <xf numFmtId="2" fontId="7" fillId="0" borderId="34" xfId="3" applyNumberFormat="1" applyFont="1" applyBorder="1"/>
    <xf numFmtId="2" fontId="7" fillId="0" borderId="37" xfId="4" applyNumberFormat="1" applyFont="1" applyBorder="1" applyAlignment="1"/>
    <xf numFmtId="176" fontId="7" fillId="0" borderId="38" xfId="4" applyNumberFormat="1" applyFont="1" applyBorder="1" applyAlignment="1"/>
    <xf numFmtId="2" fontId="7" fillId="0" borderId="37" xfId="2" applyNumberFormat="1" applyFont="1" applyBorder="1"/>
    <xf numFmtId="40" fontId="7" fillId="0" borderId="23" xfId="1" applyNumberFormat="1" applyFont="1" applyBorder="1" applyAlignment="1"/>
    <xf numFmtId="38" fontId="7" fillId="0" borderId="25" xfId="1" applyFont="1" applyBorder="1" applyAlignment="1"/>
    <xf numFmtId="40" fontId="7" fillId="0" borderId="24" xfId="1" applyNumberFormat="1" applyFont="1" applyBorder="1" applyAlignment="1"/>
    <xf numFmtId="2" fontId="7" fillId="0" borderId="21" xfId="3" applyNumberFormat="1" applyFont="1" applyBorder="1"/>
    <xf numFmtId="38" fontId="7" fillId="0" borderId="39" xfId="4" applyFont="1" applyBorder="1" applyAlignment="1"/>
    <xf numFmtId="2" fontId="7" fillId="0" borderId="23" xfId="4" applyNumberFormat="1" applyFont="1" applyBorder="1" applyAlignment="1"/>
    <xf numFmtId="176" fontId="7" fillId="0" borderId="24" xfId="4" applyNumberFormat="1" applyFont="1" applyBorder="1" applyAlignment="1"/>
    <xf numFmtId="2" fontId="7" fillId="0" borderId="23" xfId="2" applyNumberFormat="1" applyFont="1" applyBorder="1"/>
    <xf numFmtId="38" fontId="7" fillId="0" borderId="40" xfId="1" applyFont="1" applyBorder="1" applyAlignment="1"/>
    <xf numFmtId="0" fontId="5" fillId="0" borderId="41" xfId="0" applyNumberFormat="1" applyFont="1" applyBorder="1"/>
    <xf numFmtId="0" fontId="6" fillId="0" borderId="42" xfId="0" applyNumberFormat="1" applyFont="1" applyBorder="1"/>
    <xf numFmtId="2" fontId="7" fillId="0" borderId="43" xfId="3" applyNumberFormat="1" applyFont="1" applyBorder="1"/>
    <xf numFmtId="2" fontId="7" fillId="0" borderId="14" xfId="2" applyNumberFormat="1" applyFont="1" applyBorder="1"/>
    <xf numFmtId="0" fontId="5" fillId="0" borderId="44" xfId="0" applyNumberFormat="1" applyFont="1" applyBorder="1"/>
    <xf numFmtId="38" fontId="7" fillId="0" borderId="45" xfId="4" applyFont="1" applyBorder="1" applyAlignment="1"/>
    <xf numFmtId="176" fontId="7" fillId="0" borderId="36" xfId="4" applyNumberFormat="1" applyFont="1" applyBorder="1" applyAlignment="1"/>
    <xf numFmtId="38" fontId="7" fillId="0" borderId="46" xfId="1" applyFont="1" applyBorder="1" applyAlignment="1"/>
    <xf numFmtId="0" fontId="6" fillId="0" borderId="47" xfId="0" applyNumberFormat="1" applyFont="1" applyBorder="1"/>
    <xf numFmtId="40" fontId="7" fillId="0" borderId="24" xfId="1" applyNumberFormat="1" applyFont="1" applyBorder="1" applyAlignment="1">
      <alignment horizontal="center"/>
    </xf>
    <xf numFmtId="38" fontId="7" fillId="0" borderId="24" xfId="1" applyFont="1" applyBorder="1" applyAlignment="1">
      <alignment horizontal="center"/>
    </xf>
    <xf numFmtId="40" fontId="7" fillId="0" borderId="23" xfId="1" applyNumberFormat="1" applyFont="1" applyBorder="1" applyAlignment="1">
      <alignment horizontal="center"/>
    </xf>
    <xf numFmtId="38" fontId="7" fillId="0" borderId="25" xfId="1" applyFont="1" applyBorder="1" applyAlignment="1">
      <alignment horizontal="center"/>
    </xf>
    <xf numFmtId="2" fontId="7" fillId="0" borderId="23" xfId="1" applyNumberFormat="1" applyFont="1" applyBorder="1" applyAlignment="1">
      <alignment horizontal="center"/>
    </xf>
    <xf numFmtId="176" fontId="7" fillId="0" borderId="24" xfId="1" applyNumberFormat="1" applyFont="1" applyBorder="1" applyAlignment="1">
      <alignment horizontal="center"/>
    </xf>
    <xf numFmtId="38" fontId="7" fillId="0" borderId="26" xfId="1" applyFont="1" applyBorder="1" applyAlignment="1">
      <alignment horizontal="center"/>
    </xf>
    <xf numFmtId="40" fontId="7" fillId="0" borderId="28" xfId="1" applyNumberFormat="1" applyFont="1" applyBorder="1" applyAlignment="1">
      <alignment horizontal="center"/>
    </xf>
    <xf numFmtId="38" fontId="7" fillId="0" borderId="28" xfId="1" applyFont="1" applyBorder="1" applyAlignment="1">
      <alignment horizontal="center"/>
    </xf>
    <xf numFmtId="2" fontId="7" fillId="0" borderId="31" xfId="1" applyNumberFormat="1" applyFont="1" applyBorder="1" applyAlignment="1">
      <alignment horizontal="center"/>
    </xf>
    <xf numFmtId="40" fontId="7" fillId="0" borderId="31" xfId="1" applyNumberFormat="1" applyFont="1" applyBorder="1" applyAlignment="1">
      <alignment horizontal="center"/>
    </xf>
    <xf numFmtId="38" fontId="7" fillId="0" borderId="29" xfId="1" applyFont="1" applyBorder="1" applyAlignment="1">
      <alignment horizontal="center"/>
    </xf>
    <xf numFmtId="176" fontId="7" fillId="0" borderId="28" xfId="1" applyNumberFormat="1" applyFont="1" applyBorder="1" applyAlignment="1">
      <alignment horizontal="center"/>
    </xf>
    <xf numFmtId="38" fontId="7" fillId="0" borderId="18" xfId="1" applyFont="1" applyBorder="1" applyAlignment="1">
      <alignment horizontal="center"/>
    </xf>
    <xf numFmtId="38" fontId="7" fillId="0" borderId="36" xfId="1" applyFont="1" applyBorder="1" applyAlignment="1">
      <alignment horizontal="center"/>
    </xf>
    <xf numFmtId="40" fontId="7" fillId="0" borderId="37" xfId="1" applyNumberFormat="1" applyFont="1" applyBorder="1" applyAlignment="1">
      <alignment horizontal="center"/>
    </xf>
    <xf numFmtId="38" fontId="7" fillId="0" borderId="35" xfId="1" applyFont="1" applyBorder="1" applyAlignment="1">
      <alignment horizontal="center"/>
    </xf>
    <xf numFmtId="40" fontId="7" fillId="0" borderId="36" xfId="1" applyNumberFormat="1" applyFont="1" applyBorder="1" applyAlignment="1">
      <alignment horizontal="center"/>
    </xf>
    <xf numFmtId="176" fontId="7" fillId="0" borderId="36" xfId="1" applyNumberFormat="1" applyFont="1" applyBorder="1" applyAlignment="1">
      <alignment horizontal="center"/>
    </xf>
    <xf numFmtId="38" fontId="7" fillId="0" borderId="46" xfId="1" applyFont="1" applyBorder="1" applyAlignment="1">
      <alignment horizontal="center"/>
    </xf>
    <xf numFmtId="38" fontId="7" fillId="0" borderId="29" xfId="1" applyFont="1" applyBorder="1" applyAlignment="1"/>
    <xf numFmtId="2" fontId="7" fillId="0" borderId="21" xfId="3" quotePrefix="1" applyNumberFormat="1" applyFont="1" applyBorder="1" applyAlignment="1"/>
    <xf numFmtId="38" fontId="7" fillId="0" borderId="22" xfId="4" applyFont="1" applyBorder="1" applyAlignment="1"/>
    <xf numFmtId="2" fontId="7" fillId="0" borderId="23" xfId="2" quotePrefix="1" applyNumberFormat="1" applyFont="1" applyBorder="1" applyAlignment="1"/>
    <xf numFmtId="38" fontId="7" fillId="0" borderId="26" xfId="1" applyFont="1" applyBorder="1" applyAlignment="1"/>
    <xf numFmtId="40" fontId="7" fillId="0" borderId="31" xfId="1" applyNumberFormat="1" applyFont="1" applyBorder="1" applyAlignment="1"/>
    <xf numFmtId="40" fontId="7" fillId="0" borderId="28" xfId="1" applyNumberFormat="1" applyFont="1" applyBorder="1" applyAlignment="1"/>
    <xf numFmtId="38" fontId="5" fillId="0" borderId="29" xfId="1" applyFont="1" applyBorder="1" applyAlignment="1">
      <alignment horizontal="center"/>
    </xf>
    <xf numFmtId="38" fontId="5" fillId="0" borderId="28" xfId="1" applyFont="1" applyBorder="1" applyAlignment="1">
      <alignment horizontal="center"/>
    </xf>
    <xf numFmtId="40" fontId="5" fillId="0" borderId="31" xfId="1" applyNumberFormat="1" applyFont="1" applyBorder="1" applyAlignment="1">
      <alignment horizontal="center"/>
    </xf>
    <xf numFmtId="2" fontId="5" fillId="0" borderId="30" xfId="3" applyNumberFormat="1" applyFont="1" applyBorder="1" applyAlignment="1">
      <alignment horizontal="center"/>
    </xf>
    <xf numFmtId="38" fontId="5" fillId="0" borderId="13" xfId="4" applyFont="1" applyBorder="1" applyAlignment="1">
      <alignment horizontal="center"/>
    </xf>
    <xf numFmtId="176" fontId="5" fillId="0" borderId="15" xfId="4" applyNumberFormat="1" applyFont="1" applyBorder="1" applyAlignment="1">
      <alignment horizontal="center"/>
    </xf>
    <xf numFmtId="2" fontId="7" fillId="0" borderId="31" xfId="4" applyNumberFormat="1" applyFont="1" applyBorder="1" applyAlignment="1">
      <alignment horizontal="center"/>
    </xf>
    <xf numFmtId="2" fontId="5" fillId="0" borderId="31" xfId="2" applyNumberFormat="1" applyFont="1" applyBorder="1" applyAlignment="1">
      <alignment horizontal="center"/>
    </xf>
    <xf numFmtId="38" fontId="5" fillId="0" borderId="31" xfId="4" applyFont="1" applyBorder="1" applyAlignment="1">
      <alignment horizontal="center"/>
    </xf>
    <xf numFmtId="38" fontId="5" fillId="0" borderId="18" xfId="1" applyFont="1" applyBorder="1" applyAlignment="1">
      <alignment horizontal="center"/>
    </xf>
    <xf numFmtId="38" fontId="5" fillId="0" borderId="35" xfId="1" applyFont="1" applyBorder="1" applyAlignment="1">
      <alignment horizontal="center"/>
    </xf>
    <xf numFmtId="38" fontId="5" fillId="0" borderId="36" xfId="1" applyFont="1" applyBorder="1" applyAlignment="1">
      <alignment horizontal="center"/>
    </xf>
    <xf numFmtId="40" fontId="5" fillId="0" borderId="37" xfId="1" applyNumberFormat="1" applyFont="1" applyBorder="1" applyAlignment="1">
      <alignment horizontal="center"/>
    </xf>
    <xf numFmtId="2" fontId="5" fillId="0" borderId="34" xfId="3" applyNumberFormat="1" applyFont="1" applyBorder="1" applyAlignment="1">
      <alignment horizontal="center"/>
    </xf>
    <xf numFmtId="38" fontId="5" fillId="0" borderId="37" xfId="4" applyFont="1" applyBorder="1" applyAlignment="1">
      <alignment horizontal="center"/>
    </xf>
    <xf numFmtId="2" fontId="5" fillId="0" borderId="37" xfId="2" applyNumberFormat="1" applyFont="1" applyBorder="1" applyAlignment="1">
      <alignment horizontal="center"/>
    </xf>
    <xf numFmtId="0" fontId="7" fillId="0" borderId="52" xfId="0" applyNumberFormat="1" applyFont="1" applyBorder="1" applyAlignment="1"/>
    <xf numFmtId="0" fontId="7" fillId="0" borderId="57" xfId="0" applyNumberFormat="1" applyFont="1" applyBorder="1" applyAlignment="1">
      <alignment horizontal="center"/>
    </xf>
    <xf numFmtId="40" fontId="7" fillId="0" borderId="56" xfId="0" applyNumberFormat="1" applyFont="1" applyBorder="1" applyAlignment="1">
      <alignment horizontal="right"/>
    </xf>
    <xf numFmtId="177" fontId="7" fillId="0" borderId="50" xfId="0" applyNumberFormat="1" applyFont="1" applyBorder="1" applyAlignment="1">
      <alignment horizontal="right"/>
    </xf>
    <xf numFmtId="40" fontId="7" fillId="0" borderId="50" xfId="0" applyNumberFormat="1" applyFont="1" applyBorder="1" applyAlignment="1">
      <alignment horizontal="right"/>
    </xf>
    <xf numFmtId="2" fontId="7" fillId="0" borderId="53" xfId="3" applyNumberFormat="1" applyFont="1" applyBorder="1"/>
    <xf numFmtId="0" fontId="7" fillId="0" borderId="55" xfId="5" applyNumberFormat="1" applyFont="1" applyBorder="1" applyAlignment="1">
      <alignment horizontal="center"/>
    </xf>
    <xf numFmtId="2" fontId="7" fillId="0" borderId="56" xfId="5" applyNumberFormat="1" applyFont="1" applyBorder="1" applyAlignment="1">
      <alignment horizontal="right"/>
    </xf>
    <xf numFmtId="176" fontId="7" fillId="0" borderId="50" xfId="5" applyNumberFormat="1" applyFont="1" applyBorder="1" applyAlignment="1">
      <alignment horizontal="center"/>
    </xf>
    <xf numFmtId="2" fontId="7" fillId="0" borderId="56" xfId="2" applyNumberFormat="1" applyFont="1" applyBorder="1"/>
    <xf numFmtId="0" fontId="7" fillId="0" borderId="58" xfId="0" applyNumberFormat="1" applyFont="1" applyBorder="1" applyAlignment="1">
      <alignment horizontal="center"/>
    </xf>
    <xf numFmtId="40" fontId="7" fillId="0" borderId="54" xfId="0" applyNumberFormat="1" applyFont="1" applyBorder="1" applyAlignment="1"/>
    <xf numFmtId="0" fontId="7" fillId="0" borderId="51" xfId="0" applyNumberFormat="1" applyFont="1" applyBorder="1" applyAlignment="1"/>
    <xf numFmtId="40" fontId="7" fillId="0" borderId="51" xfId="0" applyNumberFormat="1" applyFont="1" applyBorder="1" applyAlignment="1"/>
    <xf numFmtId="0" fontId="7" fillId="0" borderId="45" xfId="5" applyNumberFormat="1" applyFont="1" applyBorder="1" applyAlignment="1"/>
    <xf numFmtId="2" fontId="7" fillId="0" borderId="56" xfId="5" applyNumberFormat="1" applyFont="1" applyBorder="1" applyAlignment="1"/>
    <xf numFmtId="176" fontId="7" fillId="0" borderId="51" xfId="5" applyNumberFormat="1" applyFont="1" applyBorder="1" applyAlignment="1"/>
    <xf numFmtId="0" fontId="7" fillId="0" borderId="46" xfId="0" applyNumberFormat="1" applyFont="1" applyBorder="1" applyAlignment="1"/>
    <xf numFmtId="0" fontId="7" fillId="0" borderId="63" xfId="0" applyNumberFormat="1" applyFont="1" applyBorder="1" applyAlignment="1"/>
    <xf numFmtId="40" fontId="7" fillId="0" borderId="65" xfId="0" applyNumberFormat="1" applyFont="1" applyBorder="1" applyAlignment="1"/>
    <xf numFmtId="177" fontId="7" fillId="0" borderId="62" xfId="0" applyNumberFormat="1" applyFont="1" applyBorder="1" applyAlignment="1"/>
    <xf numFmtId="40" fontId="7" fillId="0" borderId="62" xfId="0" applyNumberFormat="1" applyFont="1" applyBorder="1" applyAlignment="1"/>
    <xf numFmtId="2" fontId="7" fillId="0" borderId="64" xfId="3" applyNumberFormat="1" applyFont="1" applyBorder="1"/>
    <xf numFmtId="0" fontId="7" fillId="0" borderId="61" xfId="5" applyNumberFormat="1" applyFont="1" applyBorder="1" applyAlignment="1"/>
    <xf numFmtId="2" fontId="7" fillId="0" borderId="65" xfId="5" applyNumberFormat="1" applyFont="1" applyBorder="1" applyAlignment="1"/>
    <xf numFmtId="176" fontId="7" fillId="0" borderId="62" xfId="5" applyNumberFormat="1" applyFont="1" applyBorder="1" applyAlignment="1"/>
    <xf numFmtId="2" fontId="7" fillId="0" borderId="66" xfId="2" applyNumberFormat="1" applyFont="1" applyBorder="1"/>
    <xf numFmtId="0" fontId="7" fillId="0" borderId="67" xfId="0" applyNumberFormat="1" applyFont="1" applyBorder="1" applyAlignment="1"/>
    <xf numFmtId="0" fontId="5" fillId="0" borderId="0" xfId="0" applyNumberFormat="1" applyFont="1" applyAlignment="1"/>
    <xf numFmtId="38" fontId="5" fillId="0" borderId="59" xfId="1" applyFont="1" applyBorder="1" applyAlignment="1">
      <alignment horizontal="distributed" justifyLastLine="1"/>
    </xf>
    <xf numFmtId="38" fontId="5" fillId="0" borderId="60" xfId="1" applyFont="1" applyBorder="1" applyAlignment="1">
      <alignment horizontal="distributed" justifyLastLine="1"/>
    </xf>
    <xf numFmtId="0" fontId="5" fillId="0" borderId="4" xfId="0" quotePrefix="1" applyNumberFormat="1" applyFont="1" applyBorder="1" applyAlignment="1">
      <alignment horizontal="distributed" justifyLastLine="1"/>
    </xf>
    <xf numFmtId="0" fontId="5" fillId="0" borderId="5" xfId="0" quotePrefix="1" applyNumberFormat="1" applyFont="1" applyBorder="1" applyAlignment="1">
      <alignment horizontal="distributed" justifyLastLine="1"/>
    </xf>
    <xf numFmtId="0" fontId="0" fillId="0" borderId="5" xfId="0" applyBorder="1" applyAlignment="1">
      <alignment horizontal="distributed" justifyLastLine="1"/>
    </xf>
    <xf numFmtId="0" fontId="5" fillId="0" borderId="8" xfId="0" quotePrefix="1" applyNumberFormat="1" applyFont="1" applyBorder="1" applyAlignment="1">
      <alignment horizontal="distributed" justifyLastLine="1"/>
    </xf>
    <xf numFmtId="38" fontId="5" fillId="0" borderId="48" xfId="1" applyFont="1" applyBorder="1" applyAlignment="1">
      <alignment horizontal="distributed" justifyLastLine="1"/>
    </xf>
    <xf numFmtId="38" fontId="5" fillId="0" borderId="49" xfId="1" applyFont="1" applyBorder="1" applyAlignment="1">
      <alignment horizontal="distributed" justifyLastLine="1"/>
    </xf>
    <xf numFmtId="0" fontId="5" fillId="0" borderId="6" xfId="0" quotePrefix="1" applyNumberFormat="1" applyFont="1" applyBorder="1" applyAlignment="1">
      <alignment horizontal="distributed" justifyLastLine="1"/>
    </xf>
    <xf numFmtId="0" fontId="5" fillId="0" borderId="7" xfId="0" quotePrefix="1" applyNumberFormat="1" applyFont="1" applyBorder="1" applyAlignment="1">
      <alignment horizontal="distributed" justifyLastLine="1"/>
    </xf>
    <xf numFmtId="0" fontId="5" fillId="0" borderId="3" xfId="0" quotePrefix="1" applyNumberFormat="1" applyFont="1" applyBorder="1" applyAlignment="1">
      <alignment horizontal="distributed" justifyLastLine="1"/>
    </xf>
    <xf numFmtId="0" fontId="5" fillId="0" borderId="1" xfId="0" applyFont="1" applyBorder="1" applyAlignment="1">
      <alignment horizontal="distributed" vertical="center" justifyLastLine="1"/>
    </xf>
    <xf numFmtId="0" fontId="0" fillId="0" borderId="2" xfId="0" applyBorder="1" applyAlignment="1">
      <alignment horizontal="distributed" vertical="center" justifyLastLine="1"/>
    </xf>
    <xf numFmtId="0" fontId="0" fillId="0" borderId="9" xfId="0" applyBorder="1" applyAlignment="1">
      <alignment horizontal="distributed" vertical="center" justifyLastLine="1"/>
    </xf>
    <xf numFmtId="0" fontId="0" fillId="0" borderId="10" xfId="0" applyBorder="1" applyAlignment="1">
      <alignment horizontal="distributed" vertical="center" justifyLastLine="1"/>
    </xf>
    <xf numFmtId="0" fontId="0" fillId="0" borderId="19" xfId="0" applyBorder="1" applyAlignment="1">
      <alignment horizontal="distributed" vertical="center" justifyLastLine="1"/>
    </xf>
    <xf numFmtId="0" fontId="0" fillId="0" borderId="20" xfId="0" applyBorder="1" applyAlignment="1">
      <alignment horizontal="distributed" vertical="center" justifyLastLine="1"/>
    </xf>
    <xf numFmtId="2" fontId="7" fillId="0" borderId="31" xfId="2" applyNumberFormat="1" applyFont="1" applyBorder="1" applyAlignment="1">
      <alignment horizontal="center"/>
    </xf>
  </cellXfs>
  <cellStyles count="6">
    <cellStyle name="パーセント" xfId="2" builtinId="5"/>
    <cellStyle name="パーセント 2" xfId="3"/>
    <cellStyle name="桁区切り" xfId="1" builtinId="6"/>
    <cellStyle name="桁区切り 2" xfId="4"/>
    <cellStyle name="標準" xfId="0" builtinId="0"/>
    <cellStyle name="標準 2" xf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162"/>
  <sheetViews>
    <sheetView tabSelected="1" view="pageBreakPreview" zoomScaleNormal="100" workbookViewId="0">
      <selection activeCell="P49" sqref="P49"/>
    </sheetView>
  </sheetViews>
  <sheetFormatPr defaultRowHeight="11.25" x14ac:dyDescent="0.15"/>
  <cols>
    <col min="1" max="1" width="3.625" style="2" customWidth="1"/>
    <col min="2" max="2" width="9.75" style="2" customWidth="1"/>
    <col min="3" max="3" width="8.75" style="3" customWidth="1"/>
    <col min="4" max="4" width="3.75" style="3" customWidth="1"/>
    <col min="5" max="5" width="8.75" style="3" customWidth="1"/>
    <col min="6" max="6" width="3.75" style="3" customWidth="1"/>
    <col min="7" max="7" width="8.75" style="3" customWidth="1"/>
    <col min="8" max="8" width="3.75" style="3" customWidth="1"/>
    <col min="9" max="9" width="8.75" style="3" customWidth="1"/>
    <col min="10" max="10" width="3.75" style="3" customWidth="1"/>
    <col min="11" max="11" width="8.75" style="3" customWidth="1"/>
    <col min="12" max="12" width="4.625" style="3" customWidth="1"/>
    <col min="13" max="13" width="8.75" style="2" customWidth="1"/>
    <col min="14" max="14" width="4.625" style="3" customWidth="1"/>
    <col min="15" max="15" width="3" style="2" customWidth="1"/>
    <col min="16" max="16384" width="9" style="2"/>
  </cols>
  <sheetData>
    <row r="1" spans="1:15" ht="16.5" customHeight="1" x14ac:dyDescent="0.15">
      <c r="A1" s="1" t="s">
        <v>0</v>
      </c>
    </row>
    <row r="2" spans="1:15" ht="15.75" customHeight="1" thickBot="1" x14ac:dyDescent="0.2">
      <c r="B2" s="4" t="s">
        <v>1</v>
      </c>
    </row>
    <row r="3" spans="1:15" s="5" customFormat="1" ht="15" customHeight="1" x14ac:dyDescent="0.15">
      <c r="A3" s="142" t="s">
        <v>2</v>
      </c>
      <c r="B3" s="143"/>
      <c r="C3" s="139" t="s">
        <v>3</v>
      </c>
      <c r="D3" s="140"/>
      <c r="E3" s="133" t="s">
        <v>4</v>
      </c>
      <c r="F3" s="141"/>
      <c r="G3" s="133" t="s">
        <v>5</v>
      </c>
      <c r="H3" s="134"/>
      <c r="I3" s="133" t="s">
        <v>6</v>
      </c>
      <c r="J3" s="134"/>
      <c r="K3" s="133" t="s">
        <v>7</v>
      </c>
      <c r="L3" s="135"/>
      <c r="M3" s="133" t="s">
        <v>8</v>
      </c>
      <c r="N3" s="136"/>
    </row>
    <row r="4" spans="1:15" ht="12.75" customHeight="1" x14ac:dyDescent="0.15">
      <c r="A4" s="144"/>
      <c r="B4" s="145"/>
      <c r="C4" s="11" t="s">
        <v>9</v>
      </c>
      <c r="D4" s="12" t="s">
        <v>10</v>
      </c>
      <c r="E4" s="8" t="s">
        <v>9</v>
      </c>
      <c r="F4" s="7" t="s">
        <v>10</v>
      </c>
      <c r="G4" s="8" t="s">
        <v>9</v>
      </c>
      <c r="H4" s="7" t="s">
        <v>10</v>
      </c>
      <c r="I4" s="8" t="s">
        <v>9</v>
      </c>
      <c r="J4" s="7" t="s">
        <v>10</v>
      </c>
      <c r="K4" s="6" t="s">
        <v>9</v>
      </c>
      <c r="L4" s="9" t="s">
        <v>10</v>
      </c>
      <c r="M4" s="10" t="s">
        <v>9</v>
      </c>
      <c r="N4" s="13" t="s">
        <v>10</v>
      </c>
    </row>
    <row r="5" spans="1:15" ht="12.75" customHeight="1" x14ac:dyDescent="0.15">
      <c r="A5" s="146"/>
      <c r="B5" s="147"/>
      <c r="C5" s="16" t="s">
        <v>11</v>
      </c>
      <c r="D5" s="18" t="s">
        <v>12</v>
      </c>
      <c r="E5" s="17" t="s">
        <v>11</v>
      </c>
      <c r="F5" s="18" t="s">
        <v>12</v>
      </c>
      <c r="G5" s="17" t="s">
        <v>11</v>
      </c>
      <c r="H5" s="18" t="s">
        <v>12</v>
      </c>
      <c r="I5" s="17" t="s">
        <v>11</v>
      </c>
      <c r="J5" s="18" t="s">
        <v>12</v>
      </c>
      <c r="K5" s="14" t="s">
        <v>11</v>
      </c>
      <c r="L5" s="15" t="s">
        <v>12</v>
      </c>
      <c r="M5" s="16" t="s">
        <v>11</v>
      </c>
      <c r="N5" s="19" t="s">
        <v>12</v>
      </c>
    </row>
    <row r="6" spans="1:15" ht="19.5" customHeight="1" x14ac:dyDescent="0.15">
      <c r="A6" s="20">
        <v>1</v>
      </c>
      <c r="B6" s="21" t="s">
        <v>13</v>
      </c>
      <c r="C6" s="23">
        <v>20.59</v>
      </c>
      <c r="D6" s="22">
        <v>4</v>
      </c>
      <c r="E6" s="24">
        <v>21.22</v>
      </c>
      <c r="F6" s="22">
        <v>8</v>
      </c>
      <c r="G6" s="24">
        <v>23.94</v>
      </c>
      <c r="H6" s="22">
        <v>7</v>
      </c>
      <c r="I6" s="25">
        <v>22.35</v>
      </c>
      <c r="J6" s="26">
        <v>11</v>
      </c>
      <c r="K6" s="27">
        <v>24.3</v>
      </c>
      <c r="L6" s="28">
        <v>9</v>
      </c>
      <c r="M6" s="29">
        <v>23.58</v>
      </c>
      <c r="N6" s="30">
        <v>9</v>
      </c>
      <c r="O6" s="31"/>
    </row>
    <row r="7" spans="1:15" ht="19.5" customHeight="1" x14ac:dyDescent="0.15">
      <c r="A7" s="20">
        <v>2</v>
      </c>
      <c r="B7" s="21" t="s">
        <v>14</v>
      </c>
      <c r="C7" s="23">
        <v>15.92</v>
      </c>
      <c r="D7" s="22">
        <v>15</v>
      </c>
      <c r="E7" s="24">
        <v>17.440000000000001</v>
      </c>
      <c r="F7" s="22">
        <v>15</v>
      </c>
      <c r="G7" s="24">
        <v>20.64</v>
      </c>
      <c r="H7" s="22">
        <v>12</v>
      </c>
      <c r="I7" s="25">
        <v>23.76</v>
      </c>
      <c r="J7" s="26">
        <v>10</v>
      </c>
      <c r="K7" s="27">
        <v>27.84</v>
      </c>
      <c r="L7" s="28">
        <v>2</v>
      </c>
      <c r="M7" s="29">
        <v>32.520000000000003</v>
      </c>
      <c r="N7" s="30">
        <v>1</v>
      </c>
    </row>
    <row r="8" spans="1:15" ht="19.5" customHeight="1" x14ac:dyDescent="0.15">
      <c r="A8" s="20">
        <v>3</v>
      </c>
      <c r="B8" s="21" t="s">
        <v>15</v>
      </c>
      <c r="C8" s="23">
        <v>19.84</v>
      </c>
      <c r="D8" s="22">
        <v>5</v>
      </c>
      <c r="E8" s="24">
        <v>22.22</v>
      </c>
      <c r="F8" s="22">
        <v>6</v>
      </c>
      <c r="G8" s="24">
        <v>25.41</v>
      </c>
      <c r="H8" s="22">
        <v>5</v>
      </c>
      <c r="I8" s="25">
        <v>23.98</v>
      </c>
      <c r="J8" s="26">
        <v>9</v>
      </c>
      <c r="K8" s="27">
        <v>26.76</v>
      </c>
      <c r="L8" s="28">
        <v>6</v>
      </c>
      <c r="M8" s="29">
        <v>22.72</v>
      </c>
      <c r="N8" s="30">
        <v>12</v>
      </c>
    </row>
    <row r="9" spans="1:15" ht="19.5" customHeight="1" x14ac:dyDescent="0.15">
      <c r="A9" s="20">
        <v>4</v>
      </c>
      <c r="B9" s="21" t="s">
        <v>16</v>
      </c>
      <c r="C9" s="23">
        <v>7.73</v>
      </c>
      <c r="D9" s="22">
        <v>32</v>
      </c>
      <c r="E9" s="24">
        <v>8.1999999999999993</v>
      </c>
      <c r="F9" s="22">
        <v>32</v>
      </c>
      <c r="G9" s="24">
        <v>9.2100000000000009</v>
      </c>
      <c r="H9" s="22">
        <v>32</v>
      </c>
      <c r="I9" s="25">
        <v>9.8699999999999992</v>
      </c>
      <c r="J9" s="26">
        <v>32</v>
      </c>
      <c r="K9" s="27">
        <v>12.08</v>
      </c>
      <c r="L9" s="28">
        <v>32</v>
      </c>
      <c r="M9" s="29">
        <v>11.83</v>
      </c>
      <c r="N9" s="30">
        <v>31</v>
      </c>
    </row>
    <row r="10" spans="1:15" ht="19.5" customHeight="1" x14ac:dyDescent="0.15">
      <c r="A10" s="20">
        <v>5</v>
      </c>
      <c r="B10" s="21" t="s">
        <v>17</v>
      </c>
      <c r="C10" s="23">
        <v>22.42</v>
      </c>
      <c r="D10" s="22">
        <v>3</v>
      </c>
      <c r="E10" s="24">
        <v>23.25</v>
      </c>
      <c r="F10" s="22">
        <v>4</v>
      </c>
      <c r="G10" s="24">
        <v>25.69</v>
      </c>
      <c r="H10" s="22">
        <v>4</v>
      </c>
      <c r="I10" s="25">
        <v>24.35</v>
      </c>
      <c r="J10" s="26">
        <v>6</v>
      </c>
      <c r="K10" s="27">
        <v>27</v>
      </c>
      <c r="L10" s="28">
        <v>5</v>
      </c>
      <c r="M10" s="29">
        <v>23.53</v>
      </c>
      <c r="N10" s="30">
        <v>11</v>
      </c>
    </row>
    <row r="11" spans="1:15" ht="19.5" customHeight="1" x14ac:dyDescent="0.15">
      <c r="A11" s="20">
        <v>6</v>
      </c>
      <c r="B11" s="21" t="s">
        <v>18</v>
      </c>
      <c r="C11" s="23">
        <v>17.64</v>
      </c>
      <c r="D11" s="22">
        <v>10</v>
      </c>
      <c r="E11" s="24">
        <v>17.899999999999999</v>
      </c>
      <c r="F11" s="22">
        <v>13</v>
      </c>
      <c r="G11" s="24">
        <v>19.59</v>
      </c>
      <c r="H11" s="22">
        <v>14</v>
      </c>
      <c r="I11" s="25">
        <v>17.96</v>
      </c>
      <c r="J11" s="26">
        <v>19</v>
      </c>
      <c r="K11" s="27">
        <v>17.739999999999998</v>
      </c>
      <c r="L11" s="28">
        <v>22</v>
      </c>
      <c r="M11" s="29">
        <v>18.61</v>
      </c>
      <c r="N11" s="30">
        <v>22</v>
      </c>
    </row>
    <row r="12" spans="1:15" ht="19.5" customHeight="1" x14ac:dyDescent="0.15">
      <c r="A12" s="20">
        <v>7</v>
      </c>
      <c r="B12" s="21" t="s">
        <v>19</v>
      </c>
      <c r="C12" s="23">
        <v>15.71</v>
      </c>
      <c r="D12" s="22">
        <v>17</v>
      </c>
      <c r="E12" s="24">
        <v>14.23</v>
      </c>
      <c r="F12" s="22">
        <v>23</v>
      </c>
      <c r="G12" s="24">
        <v>13.71</v>
      </c>
      <c r="H12" s="22">
        <v>28</v>
      </c>
      <c r="I12" s="25">
        <v>16.54</v>
      </c>
      <c r="J12" s="26">
        <v>22</v>
      </c>
      <c r="K12" s="27">
        <v>22.66</v>
      </c>
      <c r="L12" s="28">
        <v>10</v>
      </c>
      <c r="M12" s="29">
        <v>20.059999999999999</v>
      </c>
      <c r="N12" s="30">
        <v>19</v>
      </c>
    </row>
    <row r="13" spans="1:15" ht="19.5" customHeight="1" x14ac:dyDescent="0.15">
      <c r="A13" s="20">
        <v>8</v>
      </c>
      <c r="B13" s="21" t="s">
        <v>20</v>
      </c>
      <c r="C13" s="23">
        <v>15.84</v>
      </c>
      <c r="D13" s="22">
        <v>16</v>
      </c>
      <c r="E13" s="24">
        <v>21.72</v>
      </c>
      <c r="F13" s="22">
        <v>7</v>
      </c>
      <c r="G13" s="24">
        <v>20.170000000000002</v>
      </c>
      <c r="H13" s="22">
        <v>13</v>
      </c>
      <c r="I13" s="25">
        <v>20.49</v>
      </c>
      <c r="J13" s="26">
        <v>14</v>
      </c>
      <c r="K13" s="27">
        <v>20.98</v>
      </c>
      <c r="L13" s="28">
        <v>15</v>
      </c>
      <c r="M13" s="29">
        <v>21.53</v>
      </c>
      <c r="N13" s="30">
        <v>17</v>
      </c>
    </row>
    <row r="14" spans="1:15" ht="19.5" customHeight="1" x14ac:dyDescent="0.15">
      <c r="A14" s="20">
        <v>9</v>
      </c>
      <c r="B14" s="21" t="s">
        <v>21</v>
      </c>
      <c r="C14" s="23">
        <v>18.649999999999999</v>
      </c>
      <c r="D14" s="22">
        <v>7</v>
      </c>
      <c r="E14" s="24">
        <v>18.010000000000002</v>
      </c>
      <c r="F14" s="22">
        <v>12</v>
      </c>
      <c r="G14" s="24">
        <v>17.23</v>
      </c>
      <c r="H14" s="22">
        <v>18</v>
      </c>
      <c r="I14" s="25">
        <v>17.29</v>
      </c>
      <c r="J14" s="26">
        <v>21</v>
      </c>
      <c r="K14" s="27">
        <v>18.89</v>
      </c>
      <c r="L14" s="28">
        <v>20</v>
      </c>
      <c r="M14" s="29">
        <v>17.57</v>
      </c>
      <c r="N14" s="30">
        <v>23</v>
      </c>
    </row>
    <row r="15" spans="1:15" ht="19.5" customHeight="1" x14ac:dyDescent="0.15">
      <c r="A15" s="20">
        <v>10</v>
      </c>
      <c r="B15" s="21" t="s">
        <v>22</v>
      </c>
      <c r="C15" s="23">
        <v>11.08</v>
      </c>
      <c r="D15" s="22">
        <v>30</v>
      </c>
      <c r="E15" s="24">
        <v>11.66</v>
      </c>
      <c r="F15" s="22">
        <v>29</v>
      </c>
      <c r="G15" s="24">
        <v>13.78</v>
      </c>
      <c r="H15" s="22">
        <v>27</v>
      </c>
      <c r="I15" s="25">
        <v>14.5</v>
      </c>
      <c r="J15" s="26">
        <v>27</v>
      </c>
      <c r="K15" s="27">
        <v>14.13</v>
      </c>
      <c r="L15" s="28">
        <v>31</v>
      </c>
      <c r="M15" s="29">
        <v>13.59</v>
      </c>
      <c r="N15" s="30">
        <v>29</v>
      </c>
    </row>
    <row r="16" spans="1:15" ht="19.5" customHeight="1" x14ac:dyDescent="0.15">
      <c r="A16" s="20">
        <v>11</v>
      </c>
      <c r="B16" s="21" t="s">
        <v>23</v>
      </c>
      <c r="C16" s="23">
        <v>14.69</v>
      </c>
      <c r="D16" s="22">
        <v>21</v>
      </c>
      <c r="E16" s="24">
        <v>17.68</v>
      </c>
      <c r="F16" s="22">
        <v>14</v>
      </c>
      <c r="G16" s="24">
        <v>22.07</v>
      </c>
      <c r="H16" s="22">
        <v>10</v>
      </c>
      <c r="I16" s="25">
        <v>24.25</v>
      </c>
      <c r="J16" s="26">
        <v>7</v>
      </c>
      <c r="K16" s="27">
        <v>24.4</v>
      </c>
      <c r="L16" s="28">
        <v>8</v>
      </c>
      <c r="M16" s="29">
        <v>23.96</v>
      </c>
      <c r="N16" s="30">
        <v>8</v>
      </c>
    </row>
    <row r="17" spans="1:14" ht="19.5" customHeight="1" x14ac:dyDescent="0.15">
      <c r="A17" s="20">
        <v>12</v>
      </c>
      <c r="B17" s="21" t="s">
        <v>24</v>
      </c>
      <c r="C17" s="23">
        <v>11.91</v>
      </c>
      <c r="D17" s="22">
        <v>27</v>
      </c>
      <c r="E17" s="24">
        <v>13.77</v>
      </c>
      <c r="F17" s="22">
        <v>24</v>
      </c>
      <c r="G17" s="24">
        <v>15.02</v>
      </c>
      <c r="H17" s="22">
        <v>25</v>
      </c>
      <c r="I17" s="25">
        <v>16.04</v>
      </c>
      <c r="J17" s="26">
        <v>24</v>
      </c>
      <c r="K17" s="27">
        <v>14.87</v>
      </c>
      <c r="L17" s="28">
        <v>28</v>
      </c>
      <c r="M17" s="29">
        <v>15.37</v>
      </c>
      <c r="N17" s="30">
        <v>27</v>
      </c>
    </row>
    <row r="18" spans="1:14" ht="19.5" customHeight="1" x14ac:dyDescent="0.15">
      <c r="A18" s="20">
        <v>13</v>
      </c>
      <c r="B18" s="21" t="s">
        <v>25</v>
      </c>
      <c r="C18" s="23">
        <v>11.78</v>
      </c>
      <c r="D18" s="22">
        <v>29</v>
      </c>
      <c r="E18" s="24">
        <v>12.85</v>
      </c>
      <c r="F18" s="22">
        <v>26</v>
      </c>
      <c r="G18" s="24">
        <v>15.67</v>
      </c>
      <c r="H18" s="22">
        <v>22</v>
      </c>
      <c r="I18" s="25">
        <v>18.29</v>
      </c>
      <c r="J18" s="26">
        <v>18</v>
      </c>
      <c r="K18" s="27">
        <v>21.65</v>
      </c>
      <c r="L18" s="28">
        <v>13</v>
      </c>
      <c r="M18" s="29">
        <v>22.52</v>
      </c>
      <c r="N18" s="30">
        <v>13</v>
      </c>
    </row>
    <row r="19" spans="1:14" ht="19.5" customHeight="1" x14ac:dyDescent="0.15">
      <c r="A19" s="20">
        <v>14</v>
      </c>
      <c r="B19" s="21" t="s">
        <v>26</v>
      </c>
      <c r="C19" s="23">
        <v>13.13</v>
      </c>
      <c r="D19" s="22">
        <v>26</v>
      </c>
      <c r="E19" s="24">
        <v>16.649999999999999</v>
      </c>
      <c r="F19" s="22">
        <v>16</v>
      </c>
      <c r="G19" s="24">
        <v>18.04</v>
      </c>
      <c r="H19" s="22">
        <v>16</v>
      </c>
      <c r="I19" s="25">
        <v>19.12</v>
      </c>
      <c r="J19" s="26">
        <v>16</v>
      </c>
      <c r="K19" s="27">
        <v>20.29</v>
      </c>
      <c r="L19" s="28">
        <v>17</v>
      </c>
      <c r="M19" s="29">
        <v>19.82</v>
      </c>
      <c r="N19" s="30">
        <v>20</v>
      </c>
    </row>
    <row r="20" spans="1:14" ht="19.5" customHeight="1" x14ac:dyDescent="0.15">
      <c r="A20" s="20">
        <v>15</v>
      </c>
      <c r="B20" s="21" t="s">
        <v>27</v>
      </c>
      <c r="C20" s="23">
        <v>11.8</v>
      </c>
      <c r="D20" s="22">
        <v>28</v>
      </c>
      <c r="E20" s="24">
        <v>10.11</v>
      </c>
      <c r="F20" s="22">
        <v>31</v>
      </c>
      <c r="G20" s="24">
        <v>12.04</v>
      </c>
      <c r="H20" s="22">
        <v>31</v>
      </c>
      <c r="I20" s="25">
        <v>14.17</v>
      </c>
      <c r="J20" s="26">
        <v>30</v>
      </c>
      <c r="K20" s="27">
        <v>17.09</v>
      </c>
      <c r="L20" s="28">
        <v>23</v>
      </c>
      <c r="M20" s="29">
        <v>21.99</v>
      </c>
      <c r="N20" s="30">
        <v>15</v>
      </c>
    </row>
    <row r="21" spans="1:14" ht="19.5" customHeight="1" x14ac:dyDescent="0.15">
      <c r="A21" s="20">
        <v>16</v>
      </c>
      <c r="B21" s="21" t="s">
        <v>28</v>
      </c>
      <c r="C21" s="23">
        <v>7.52</v>
      </c>
      <c r="D21" s="22">
        <v>33</v>
      </c>
      <c r="E21" s="24">
        <v>8.09</v>
      </c>
      <c r="F21" s="22">
        <v>33</v>
      </c>
      <c r="G21" s="24">
        <v>8.7200000000000006</v>
      </c>
      <c r="H21" s="22">
        <v>33</v>
      </c>
      <c r="I21" s="25">
        <v>9.61</v>
      </c>
      <c r="J21" s="26">
        <v>33</v>
      </c>
      <c r="K21" s="27">
        <v>10.74</v>
      </c>
      <c r="L21" s="28">
        <v>33</v>
      </c>
      <c r="M21" s="29">
        <v>11.81</v>
      </c>
      <c r="N21" s="30">
        <v>32</v>
      </c>
    </row>
    <row r="22" spans="1:14" ht="19.5" customHeight="1" x14ac:dyDescent="0.15">
      <c r="A22" s="20">
        <v>17</v>
      </c>
      <c r="B22" s="21" t="s">
        <v>29</v>
      </c>
      <c r="C22" s="23">
        <v>10.72</v>
      </c>
      <c r="D22" s="22">
        <v>31</v>
      </c>
      <c r="E22" s="24">
        <v>12.09</v>
      </c>
      <c r="F22" s="22">
        <v>28</v>
      </c>
      <c r="G22" s="24">
        <v>12.38</v>
      </c>
      <c r="H22" s="22">
        <v>29</v>
      </c>
      <c r="I22" s="25">
        <v>14.19</v>
      </c>
      <c r="J22" s="26">
        <v>29</v>
      </c>
      <c r="K22" s="27">
        <v>14.68</v>
      </c>
      <c r="L22" s="28">
        <v>30</v>
      </c>
      <c r="M22" s="29">
        <v>15.22</v>
      </c>
      <c r="N22" s="30">
        <v>28</v>
      </c>
    </row>
    <row r="23" spans="1:14" ht="19.5" customHeight="1" x14ac:dyDescent="0.15">
      <c r="A23" s="20">
        <v>18</v>
      </c>
      <c r="B23" s="21" t="s">
        <v>30</v>
      </c>
      <c r="C23" s="23">
        <v>16.53</v>
      </c>
      <c r="D23" s="22">
        <v>12</v>
      </c>
      <c r="E23" s="24">
        <v>15.71</v>
      </c>
      <c r="F23" s="22">
        <v>20</v>
      </c>
      <c r="G23" s="24">
        <v>25.33</v>
      </c>
      <c r="H23" s="22">
        <v>6</v>
      </c>
      <c r="I23" s="25">
        <v>25.27</v>
      </c>
      <c r="J23" s="26">
        <v>4</v>
      </c>
      <c r="K23" s="27">
        <v>20.67</v>
      </c>
      <c r="L23" s="28">
        <v>16</v>
      </c>
      <c r="M23" s="29">
        <v>21.89</v>
      </c>
      <c r="N23" s="30">
        <v>16</v>
      </c>
    </row>
    <row r="24" spans="1:14" ht="19.5" customHeight="1" thickBot="1" x14ac:dyDescent="0.2">
      <c r="A24" s="32">
        <v>21</v>
      </c>
      <c r="B24" s="33" t="s">
        <v>31</v>
      </c>
      <c r="C24" s="34">
        <v>14.32</v>
      </c>
      <c r="D24" s="35">
        <v>23</v>
      </c>
      <c r="E24" s="36">
        <v>12.93</v>
      </c>
      <c r="F24" s="35">
        <v>25</v>
      </c>
      <c r="G24" s="36">
        <v>14.89</v>
      </c>
      <c r="H24" s="35">
        <v>26</v>
      </c>
      <c r="I24" s="37">
        <v>15.85</v>
      </c>
      <c r="J24" s="26">
        <v>25</v>
      </c>
      <c r="K24" s="38">
        <v>15.97</v>
      </c>
      <c r="L24" s="39">
        <v>27</v>
      </c>
      <c r="M24" s="40">
        <v>18.84</v>
      </c>
      <c r="N24" s="30">
        <v>21</v>
      </c>
    </row>
    <row r="25" spans="1:14" ht="19.5" customHeight="1" thickTop="1" x14ac:dyDescent="0.15">
      <c r="A25" s="20">
        <v>19</v>
      </c>
      <c r="B25" s="21" t="s">
        <v>32</v>
      </c>
      <c r="C25" s="41">
        <v>16.52</v>
      </c>
      <c r="D25" s="42">
        <v>13</v>
      </c>
      <c r="E25" s="43">
        <v>18.73</v>
      </c>
      <c r="F25" s="42">
        <v>10</v>
      </c>
      <c r="G25" s="43">
        <v>26.49</v>
      </c>
      <c r="H25" s="42">
        <v>2</v>
      </c>
      <c r="I25" s="44">
        <v>27.25</v>
      </c>
      <c r="J25" s="45">
        <v>2</v>
      </c>
      <c r="K25" s="46">
        <v>33.32</v>
      </c>
      <c r="L25" s="47">
        <v>1</v>
      </c>
      <c r="M25" s="48">
        <v>32.21</v>
      </c>
      <c r="N25" s="49">
        <v>3</v>
      </c>
    </row>
    <row r="26" spans="1:14" ht="19.5" customHeight="1" x14ac:dyDescent="0.15">
      <c r="A26" s="20">
        <v>20</v>
      </c>
      <c r="B26" s="21" t="s">
        <v>33</v>
      </c>
      <c r="C26" s="23">
        <v>15.98</v>
      </c>
      <c r="D26" s="22">
        <v>14</v>
      </c>
      <c r="E26" s="24">
        <v>19.87</v>
      </c>
      <c r="F26" s="22">
        <v>9</v>
      </c>
      <c r="G26" s="24">
        <v>23.85</v>
      </c>
      <c r="H26" s="22">
        <v>8</v>
      </c>
      <c r="I26" s="25">
        <v>24.77</v>
      </c>
      <c r="J26" s="26">
        <v>5</v>
      </c>
      <c r="K26" s="27">
        <v>24.9</v>
      </c>
      <c r="L26" s="28">
        <v>7</v>
      </c>
      <c r="M26" s="29">
        <v>30.15</v>
      </c>
      <c r="N26" s="30">
        <v>4</v>
      </c>
    </row>
    <row r="27" spans="1:14" ht="19.5" customHeight="1" x14ac:dyDescent="0.15">
      <c r="A27" s="20">
        <v>22</v>
      </c>
      <c r="B27" s="21" t="s">
        <v>34</v>
      </c>
      <c r="C27" s="23">
        <v>13.92</v>
      </c>
      <c r="D27" s="22">
        <v>25</v>
      </c>
      <c r="E27" s="24">
        <v>16.23</v>
      </c>
      <c r="F27" s="22">
        <v>18</v>
      </c>
      <c r="G27" s="24">
        <v>12.38</v>
      </c>
      <c r="H27" s="22">
        <v>29</v>
      </c>
      <c r="I27" s="25">
        <v>15.15</v>
      </c>
      <c r="J27" s="26">
        <v>26</v>
      </c>
      <c r="K27" s="27">
        <v>21.3</v>
      </c>
      <c r="L27" s="28">
        <v>14</v>
      </c>
      <c r="M27" s="29">
        <v>27.39</v>
      </c>
      <c r="N27" s="30">
        <v>5</v>
      </c>
    </row>
    <row r="28" spans="1:14" ht="19.5" customHeight="1" x14ac:dyDescent="0.15">
      <c r="A28" s="20">
        <v>23</v>
      </c>
      <c r="B28" s="21" t="s">
        <v>35</v>
      </c>
      <c r="C28" s="23">
        <v>18.52</v>
      </c>
      <c r="D28" s="22">
        <v>9</v>
      </c>
      <c r="E28" s="24">
        <v>23.26</v>
      </c>
      <c r="F28" s="22">
        <v>3</v>
      </c>
      <c r="G28" s="24">
        <v>21.48</v>
      </c>
      <c r="H28" s="22">
        <v>11</v>
      </c>
      <c r="I28" s="25">
        <v>20.96</v>
      </c>
      <c r="J28" s="26">
        <v>13</v>
      </c>
      <c r="K28" s="27">
        <v>22.64</v>
      </c>
      <c r="L28" s="28">
        <v>11</v>
      </c>
      <c r="M28" s="29">
        <v>23.57</v>
      </c>
      <c r="N28" s="30">
        <v>10</v>
      </c>
    </row>
    <row r="29" spans="1:14" ht="19.5" customHeight="1" x14ac:dyDescent="0.15">
      <c r="A29" s="20">
        <v>24</v>
      </c>
      <c r="B29" s="21" t="s">
        <v>36</v>
      </c>
      <c r="C29" s="23">
        <v>17.64</v>
      </c>
      <c r="D29" s="22">
        <v>10</v>
      </c>
      <c r="E29" s="24">
        <v>15.12</v>
      </c>
      <c r="F29" s="22">
        <v>21</v>
      </c>
      <c r="G29" s="24">
        <v>17.23</v>
      </c>
      <c r="H29" s="22">
        <v>18</v>
      </c>
      <c r="I29" s="25">
        <v>19.46</v>
      </c>
      <c r="J29" s="26">
        <v>15</v>
      </c>
      <c r="K29" s="27">
        <v>16.78</v>
      </c>
      <c r="L29" s="28">
        <v>24</v>
      </c>
      <c r="M29" s="29">
        <v>11.38</v>
      </c>
      <c r="N29" s="30">
        <v>33</v>
      </c>
    </row>
    <row r="30" spans="1:14" ht="19.5" customHeight="1" x14ac:dyDescent="0.15">
      <c r="A30" s="20">
        <v>25</v>
      </c>
      <c r="B30" s="21" t="s">
        <v>37</v>
      </c>
      <c r="C30" s="23">
        <v>15.28</v>
      </c>
      <c r="D30" s="22">
        <v>19</v>
      </c>
      <c r="E30" s="24">
        <v>18.12</v>
      </c>
      <c r="F30" s="22">
        <v>11</v>
      </c>
      <c r="G30" s="24">
        <v>16.66</v>
      </c>
      <c r="H30" s="22">
        <v>20</v>
      </c>
      <c r="I30" s="25">
        <v>24</v>
      </c>
      <c r="J30" s="26">
        <v>8</v>
      </c>
      <c r="K30" s="27">
        <v>22.45</v>
      </c>
      <c r="L30" s="28">
        <v>12</v>
      </c>
      <c r="M30" s="29">
        <v>22.32</v>
      </c>
      <c r="N30" s="30">
        <v>14</v>
      </c>
    </row>
    <row r="31" spans="1:14" ht="19.5" customHeight="1" x14ac:dyDescent="0.15">
      <c r="A31" s="20">
        <v>26</v>
      </c>
      <c r="B31" s="21" t="s">
        <v>38</v>
      </c>
      <c r="C31" s="23">
        <v>19.53</v>
      </c>
      <c r="D31" s="22">
        <v>6</v>
      </c>
      <c r="E31" s="24">
        <v>23.73</v>
      </c>
      <c r="F31" s="22">
        <v>2</v>
      </c>
      <c r="G31" s="24">
        <v>25.93</v>
      </c>
      <c r="H31" s="22">
        <v>3</v>
      </c>
      <c r="I31" s="25">
        <v>25.91</v>
      </c>
      <c r="J31" s="26">
        <v>3</v>
      </c>
      <c r="K31" s="27">
        <v>27.53</v>
      </c>
      <c r="L31" s="28">
        <v>3</v>
      </c>
      <c r="M31" s="29">
        <v>25.98</v>
      </c>
      <c r="N31" s="30">
        <v>6</v>
      </c>
    </row>
    <row r="32" spans="1:14" ht="19.5" customHeight="1" x14ac:dyDescent="0.15">
      <c r="A32" s="20">
        <v>27</v>
      </c>
      <c r="B32" s="21" t="s">
        <v>39</v>
      </c>
      <c r="C32" s="23">
        <v>18.55</v>
      </c>
      <c r="D32" s="22">
        <v>8</v>
      </c>
      <c r="E32" s="24">
        <v>16.52</v>
      </c>
      <c r="F32" s="22">
        <v>17</v>
      </c>
      <c r="G32" s="24">
        <v>17.899999999999999</v>
      </c>
      <c r="H32" s="22">
        <v>17</v>
      </c>
      <c r="I32" s="25">
        <v>18.600000000000001</v>
      </c>
      <c r="J32" s="26">
        <v>17</v>
      </c>
      <c r="K32" s="27">
        <v>18.100000000000001</v>
      </c>
      <c r="L32" s="28">
        <v>21</v>
      </c>
      <c r="M32" s="29">
        <v>17.21</v>
      </c>
      <c r="N32" s="30">
        <v>24</v>
      </c>
    </row>
    <row r="33" spans="1:14" ht="19.5" customHeight="1" x14ac:dyDescent="0.15">
      <c r="A33" s="20">
        <v>28</v>
      </c>
      <c r="B33" s="21" t="s">
        <v>40</v>
      </c>
      <c r="C33" s="23">
        <v>15.34</v>
      </c>
      <c r="D33" s="22">
        <v>18</v>
      </c>
      <c r="E33" s="24">
        <v>11.39</v>
      </c>
      <c r="F33" s="22">
        <v>30</v>
      </c>
      <c r="G33" s="24">
        <v>15.55</v>
      </c>
      <c r="H33" s="22">
        <v>23</v>
      </c>
      <c r="I33" s="25">
        <v>14.49</v>
      </c>
      <c r="J33" s="26">
        <v>28</v>
      </c>
      <c r="K33" s="27">
        <v>14.82</v>
      </c>
      <c r="L33" s="28">
        <v>29</v>
      </c>
      <c r="M33" s="29">
        <v>12.58</v>
      </c>
      <c r="N33" s="30">
        <v>30</v>
      </c>
    </row>
    <row r="34" spans="1:14" ht="19.5" customHeight="1" x14ac:dyDescent="0.15">
      <c r="A34" s="20">
        <v>29</v>
      </c>
      <c r="B34" s="21" t="s">
        <v>41</v>
      </c>
      <c r="C34" s="23">
        <v>23.02</v>
      </c>
      <c r="D34" s="22">
        <v>2</v>
      </c>
      <c r="E34" s="24">
        <v>25.85</v>
      </c>
      <c r="F34" s="22">
        <v>1</v>
      </c>
      <c r="G34" s="24">
        <v>28.26</v>
      </c>
      <c r="H34" s="22">
        <v>1</v>
      </c>
      <c r="I34" s="25">
        <v>32.18</v>
      </c>
      <c r="J34" s="26">
        <v>1</v>
      </c>
      <c r="K34" s="27">
        <v>27.16</v>
      </c>
      <c r="L34" s="28">
        <v>4</v>
      </c>
      <c r="M34" s="29">
        <v>32.49</v>
      </c>
      <c r="N34" s="30">
        <v>2</v>
      </c>
    </row>
    <row r="35" spans="1:14" ht="19.5" customHeight="1" x14ac:dyDescent="0.15">
      <c r="A35" s="20">
        <v>30</v>
      </c>
      <c r="B35" s="21" t="s">
        <v>42</v>
      </c>
      <c r="C35" s="23">
        <v>14.33</v>
      </c>
      <c r="D35" s="22">
        <v>22</v>
      </c>
      <c r="E35" s="24">
        <v>12.79</v>
      </c>
      <c r="F35" s="22">
        <v>27</v>
      </c>
      <c r="G35" s="24">
        <v>15.92</v>
      </c>
      <c r="H35" s="22">
        <v>21</v>
      </c>
      <c r="I35" s="25">
        <v>13.94</v>
      </c>
      <c r="J35" s="26">
        <v>31</v>
      </c>
      <c r="K35" s="27">
        <v>16.61</v>
      </c>
      <c r="L35" s="28">
        <v>25</v>
      </c>
      <c r="M35" s="29">
        <v>16.52</v>
      </c>
      <c r="N35" s="30">
        <v>26</v>
      </c>
    </row>
    <row r="36" spans="1:14" ht="19.5" customHeight="1" x14ac:dyDescent="0.15">
      <c r="A36" s="20">
        <v>31</v>
      </c>
      <c r="B36" s="21" t="s">
        <v>43</v>
      </c>
      <c r="C36" s="23">
        <v>14.19</v>
      </c>
      <c r="D36" s="22">
        <v>24</v>
      </c>
      <c r="E36" s="24">
        <v>15.97</v>
      </c>
      <c r="F36" s="22">
        <v>19</v>
      </c>
      <c r="G36" s="24">
        <v>18.05</v>
      </c>
      <c r="H36" s="22">
        <v>15</v>
      </c>
      <c r="I36" s="25">
        <v>17.78</v>
      </c>
      <c r="J36" s="26">
        <v>20</v>
      </c>
      <c r="K36" s="27">
        <v>16.61</v>
      </c>
      <c r="L36" s="28">
        <v>25</v>
      </c>
      <c r="M36" s="29">
        <v>17.14</v>
      </c>
      <c r="N36" s="30">
        <v>25</v>
      </c>
    </row>
    <row r="37" spans="1:14" ht="19.5" customHeight="1" x14ac:dyDescent="0.15">
      <c r="A37" s="50">
        <v>32</v>
      </c>
      <c r="B37" s="51" t="s">
        <v>44</v>
      </c>
      <c r="C37" s="23">
        <v>14.93</v>
      </c>
      <c r="D37" s="22">
        <v>20</v>
      </c>
      <c r="E37" s="24">
        <v>14.32</v>
      </c>
      <c r="F37" s="22">
        <v>22</v>
      </c>
      <c r="G37" s="24">
        <v>15.18</v>
      </c>
      <c r="H37" s="22">
        <v>24</v>
      </c>
      <c r="I37" s="52">
        <v>16.16</v>
      </c>
      <c r="J37" s="26">
        <v>23</v>
      </c>
      <c r="K37" s="27">
        <v>20.03</v>
      </c>
      <c r="L37" s="28">
        <v>18</v>
      </c>
      <c r="M37" s="53">
        <v>23.98</v>
      </c>
      <c r="N37" s="30">
        <v>7</v>
      </c>
    </row>
    <row r="38" spans="1:14" ht="19.5" customHeight="1" thickBot="1" x14ac:dyDescent="0.2">
      <c r="A38" s="54">
        <v>33</v>
      </c>
      <c r="B38" s="33" t="s">
        <v>45</v>
      </c>
      <c r="C38" s="34">
        <v>23.42</v>
      </c>
      <c r="D38" s="35">
        <v>1</v>
      </c>
      <c r="E38" s="36">
        <v>22.84</v>
      </c>
      <c r="F38" s="35">
        <v>5</v>
      </c>
      <c r="G38" s="36">
        <v>22.35</v>
      </c>
      <c r="H38" s="35">
        <v>9</v>
      </c>
      <c r="I38" s="37">
        <v>21.27</v>
      </c>
      <c r="J38" s="55">
        <v>12</v>
      </c>
      <c r="K38" s="38">
        <v>19.690000000000001</v>
      </c>
      <c r="L38" s="56">
        <v>19</v>
      </c>
      <c r="M38" s="40">
        <v>21.11</v>
      </c>
      <c r="N38" s="57">
        <v>18</v>
      </c>
    </row>
    <row r="39" spans="1:14" ht="19.5" hidden="1" customHeight="1" thickTop="1" x14ac:dyDescent="0.15">
      <c r="A39" s="20">
        <v>34</v>
      </c>
      <c r="B39" s="58" t="s">
        <v>46</v>
      </c>
      <c r="C39" s="61" t="s">
        <v>47</v>
      </c>
      <c r="D39" s="62" t="s">
        <v>47</v>
      </c>
      <c r="E39" s="59" t="s">
        <v>47</v>
      </c>
      <c r="F39" s="62" t="s">
        <v>47</v>
      </c>
      <c r="G39" s="59"/>
      <c r="H39" s="62"/>
      <c r="I39" s="60"/>
      <c r="J39" s="60"/>
      <c r="K39" s="63"/>
      <c r="L39" s="64"/>
      <c r="M39" s="61" t="s">
        <v>47</v>
      </c>
      <c r="N39" s="65" t="s">
        <v>47</v>
      </c>
    </row>
    <row r="40" spans="1:14" ht="19.5" hidden="1" customHeight="1" x14ac:dyDescent="0.15">
      <c r="A40" s="20">
        <v>35</v>
      </c>
      <c r="B40" s="21" t="s">
        <v>48</v>
      </c>
      <c r="C40" s="69" t="s">
        <v>47</v>
      </c>
      <c r="D40" s="70" t="s">
        <v>47</v>
      </c>
      <c r="E40" s="66" t="s">
        <v>47</v>
      </c>
      <c r="F40" s="70" t="s">
        <v>47</v>
      </c>
      <c r="G40" s="66"/>
      <c r="H40" s="70"/>
      <c r="I40" s="67"/>
      <c r="J40" s="67"/>
      <c r="K40" s="68"/>
      <c r="L40" s="71"/>
      <c r="M40" s="69" t="s">
        <v>47</v>
      </c>
      <c r="N40" s="72" t="s">
        <v>47</v>
      </c>
    </row>
    <row r="41" spans="1:14" ht="19.5" hidden="1" customHeight="1" x14ac:dyDescent="0.15">
      <c r="A41" s="20">
        <v>36</v>
      </c>
      <c r="B41" s="21" t="s">
        <v>49</v>
      </c>
      <c r="C41" s="69" t="s">
        <v>47</v>
      </c>
      <c r="D41" s="70" t="s">
        <v>47</v>
      </c>
      <c r="E41" s="66" t="s">
        <v>47</v>
      </c>
      <c r="F41" s="70" t="s">
        <v>47</v>
      </c>
      <c r="G41" s="66"/>
      <c r="H41" s="70"/>
      <c r="I41" s="67"/>
      <c r="J41" s="67"/>
      <c r="K41" s="68"/>
      <c r="L41" s="71"/>
      <c r="M41" s="69" t="s">
        <v>47</v>
      </c>
      <c r="N41" s="72" t="s">
        <v>47</v>
      </c>
    </row>
    <row r="42" spans="1:14" ht="19.5" hidden="1" customHeight="1" thickBot="1" x14ac:dyDescent="0.2">
      <c r="A42" s="32">
        <v>37</v>
      </c>
      <c r="B42" s="33" t="s">
        <v>50</v>
      </c>
      <c r="C42" s="74" t="s">
        <v>47</v>
      </c>
      <c r="D42" s="75" t="s">
        <v>47</v>
      </c>
      <c r="E42" s="76" t="s">
        <v>47</v>
      </c>
      <c r="F42" s="75" t="s">
        <v>47</v>
      </c>
      <c r="G42" s="76"/>
      <c r="H42" s="75"/>
      <c r="I42" s="73"/>
      <c r="J42" s="73"/>
      <c r="K42" s="68"/>
      <c r="L42" s="77"/>
      <c r="M42" s="74" t="s">
        <v>47</v>
      </c>
      <c r="N42" s="78" t="s">
        <v>47</v>
      </c>
    </row>
    <row r="43" spans="1:14" ht="19.5" customHeight="1" thickTop="1" x14ac:dyDescent="0.15">
      <c r="A43" s="20">
        <v>301</v>
      </c>
      <c r="B43" s="58" t="s">
        <v>51</v>
      </c>
      <c r="C43" s="41">
        <v>100</v>
      </c>
      <c r="D43" s="42">
        <v>1</v>
      </c>
      <c r="E43" s="43">
        <v>62.78</v>
      </c>
      <c r="F43" s="42">
        <v>1</v>
      </c>
      <c r="G43" s="43">
        <v>100</v>
      </c>
      <c r="H43" s="42">
        <v>1</v>
      </c>
      <c r="I43" s="80">
        <v>100</v>
      </c>
      <c r="J43" s="81">
        <v>1</v>
      </c>
      <c r="K43" s="27">
        <v>100</v>
      </c>
      <c r="L43" s="47">
        <v>1</v>
      </c>
      <c r="M43" s="82">
        <v>88.76</v>
      </c>
      <c r="N43" s="83">
        <v>2</v>
      </c>
    </row>
    <row r="44" spans="1:14" ht="19.5" customHeight="1" x14ac:dyDescent="0.15">
      <c r="A44" s="20">
        <v>302</v>
      </c>
      <c r="B44" s="21" t="s">
        <v>52</v>
      </c>
      <c r="C44" s="84">
        <v>37.56</v>
      </c>
      <c r="D44" s="79">
        <v>2</v>
      </c>
      <c r="E44" s="85">
        <v>33.31</v>
      </c>
      <c r="F44" s="79">
        <v>2</v>
      </c>
      <c r="G44" s="85">
        <v>66.930000000000007</v>
      </c>
      <c r="H44" s="79">
        <v>2</v>
      </c>
      <c r="I44" s="25">
        <v>68.69</v>
      </c>
      <c r="J44" s="26">
        <v>2</v>
      </c>
      <c r="K44" s="27">
        <v>73.41</v>
      </c>
      <c r="L44" s="28">
        <v>3</v>
      </c>
      <c r="M44" s="29">
        <v>58.25</v>
      </c>
      <c r="N44" s="30">
        <v>3</v>
      </c>
    </row>
    <row r="45" spans="1:14" ht="19.5" customHeight="1" x14ac:dyDescent="0.15">
      <c r="A45" s="20">
        <v>303</v>
      </c>
      <c r="B45" s="21" t="s">
        <v>53</v>
      </c>
      <c r="C45" s="88" t="s">
        <v>54</v>
      </c>
      <c r="D45" s="86" t="s">
        <v>47</v>
      </c>
      <c r="E45" s="87" t="s">
        <v>54</v>
      </c>
      <c r="F45" s="86" t="s">
        <v>47</v>
      </c>
      <c r="G45" s="87" t="s">
        <v>54</v>
      </c>
      <c r="H45" s="86" t="s">
        <v>56</v>
      </c>
      <c r="I45" s="89" t="s">
        <v>54</v>
      </c>
      <c r="J45" s="90" t="s">
        <v>47</v>
      </c>
      <c r="K45" s="92" t="s">
        <v>54</v>
      </c>
      <c r="L45" s="91" t="s">
        <v>47</v>
      </c>
      <c r="M45" s="148" t="s">
        <v>54</v>
      </c>
      <c r="N45" s="72" t="s">
        <v>65</v>
      </c>
    </row>
    <row r="46" spans="1:14" ht="19.5" customHeight="1" x14ac:dyDescent="0.15">
      <c r="A46" s="20">
        <v>304</v>
      </c>
      <c r="B46" s="21" t="s">
        <v>57</v>
      </c>
      <c r="C46" s="88" t="s">
        <v>55</v>
      </c>
      <c r="D46" s="86" t="s">
        <v>47</v>
      </c>
      <c r="E46" s="87" t="s">
        <v>55</v>
      </c>
      <c r="F46" s="86" t="s">
        <v>47</v>
      </c>
      <c r="G46" s="87" t="s">
        <v>54</v>
      </c>
      <c r="H46" s="86" t="s">
        <v>56</v>
      </c>
      <c r="I46" s="89" t="s">
        <v>55</v>
      </c>
      <c r="J46" s="90" t="s">
        <v>47</v>
      </c>
      <c r="K46" s="92" t="s">
        <v>54</v>
      </c>
      <c r="L46" s="91" t="s">
        <v>47</v>
      </c>
      <c r="M46" s="93" t="s">
        <v>54</v>
      </c>
      <c r="N46" s="72" t="s">
        <v>58</v>
      </c>
    </row>
    <row r="47" spans="1:14" ht="19.5" customHeight="1" x14ac:dyDescent="0.15">
      <c r="A47" s="20">
        <v>305</v>
      </c>
      <c r="B47" s="21" t="s">
        <v>59</v>
      </c>
      <c r="C47" s="88" t="s">
        <v>55</v>
      </c>
      <c r="D47" s="86" t="s">
        <v>47</v>
      </c>
      <c r="E47" s="87" t="s">
        <v>55</v>
      </c>
      <c r="F47" s="86" t="s">
        <v>47</v>
      </c>
      <c r="G47" s="87" t="s">
        <v>54</v>
      </c>
      <c r="H47" s="86" t="s">
        <v>60</v>
      </c>
      <c r="I47" s="89" t="s">
        <v>55</v>
      </c>
      <c r="J47" s="90" t="s">
        <v>47</v>
      </c>
      <c r="K47" s="94" t="s">
        <v>54</v>
      </c>
      <c r="L47" s="91" t="s">
        <v>47</v>
      </c>
      <c r="M47" s="93" t="s">
        <v>54</v>
      </c>
      <c r="N47" s="95" t="s">
        <v>47</v>
      </c>
    </row>
    <row r="48" spans="1:14" ht="19.5" customHeight="1" thickBot="1" x14ac:dyDescent="0.2">
      <c r="A48" s="32">
        <v>306</v>
      </c>
      <c r="B48" s="33" t="s">
        <v>61</v>
      </c>
      <c r="C48" s="98" t="s">
        <v>55</v>
      </c>
      <c r="D48" s="96" t="s">
        <v>47</v>
      </c>
      <c r="E48" s="97" t="s">
        <v>55</v>
      </c>
      <c r="F48" s="96" t="s">
        <v>47</v>
      </c>
      <c r="G48" s="97" t="s">
        <v>54</v>
      </c>
      <c r="H48" s="96" t="s">
        <v>56</v>
      </c>
      <c r="I48" s="99" t="s">
        <v>55</v>
      </c>
      <c r="J48" s="90" t="s">
        <v>47</v>
      </c>
      <c r="K48" s="100" t="s">
        <v>54</v>
      </c>
      <c r="L48" s="91" t="s">
        <v>47</v>
      </c>
      <c r="M48" s="101" t="s">
        <v>54</v>
      </c>
      <c r="N48" s="95" t="s">
        <v>47</v>
      </c>
    </row>
    <row r="49" spans="1:14" ht="19.5" customHeight="1" thickTop="1" thickBot="1" x14ac:dyDescent="0.2">
      <c r="A49" s="137" t="s">
        <v>62</v>
      </c>
      <c r="B49" s="138"/>
      <c r="C49" s="104">
        <v>16.03</v>
      </c>
      <c r="D49" s="103"/>
      <c r="E49" s="105">
        <v>17</v>
      </c>
      <c r="F49" s="103"/>
      <c r="G49" s="106">
        <v>19.079999999999998</v>
      </c>
      <c r="H49" s="103"/>
      <c r="I49" s="107">
        <v>19.170000000000002</v>
      </c>
      <c r="J49" s="108"/>
      <c r="K49" s="109">
        <v>20.58</v>
      </c>
      <c r="L49" s="110"/>
      <c r="M49" s="111">
        <v>20.45</v>
      </c>
      <c r="N49" s="112"/>
    </row>
    <row r="50" spans="1:14" ht="19.5" customHeight="1" thickTop="1" thickBot="1" x14ac:dyDescent="0.2">
      <c r="A50" s="137" t="s">
        <v>63</v>
      </c>
      <c r="B50" s="138"/>
      <c r="C50" s="113">
        <v>54.93</v>
      </c>
      <c r="D50" s="102"/>
      <c r="E50" s="114">
        <v>38.130000000000003</v>
      </c>
      <c r="F50" s="102"/>
      <c r="G50" s="115">
        <v>75.739999999999995</v>
      </c>
      <c r="H50" s="102"/>
      <c r="I50" s="107">
        <v>71.56</v>
      </c>
      <c r="J50" s="116"/>
      <c r="K50" s="117">
        <v>79.069999999999993</v>
      </c>
      <c r="L50" s="118"/>
      <c r="M50" s="111">
        <v>69.790000000000006</v>
      </c>
      <c r="N50" s="119"/>
    </row>
    <row r="51" spans="1:14" ht="19.5" customHeight="1" thickTop="1" thickBot="1" x14ac:dyDescent="0.2">
      <c r="A51" s="131" t="s">
        <v>64</v>
      </c>
      <c r="B51" s="132"/>
      <c r="C51" s="121">
        <v>16.04</v>
      </c>
      <c r="D51" s="120"/>
      <c r="E51" s="122">
        <v>17</v>
      </c>
      <c r="F51" s="120"/>
      <c r="G51" s="123">
        <v>19.079999999999998</v>
      </c>
      <c r="H51" s="120"/>
      <c r="I51" s="124">
        <v>19.170000000000002</v>
      </c>
      <c r="J51" s="125"/>
      <c r="K51" s="126">
        <v>20.58</v>
      </c>
      <c r="L51" s="127"/>
      <c r="M51" s="128">
        <v>20.45</v>
      </c>
      <c r="N51" s="129"/>
    </row>
    <row r="52" spans="1:14" x14ac:dyDescent="0.15">
      <c r="C52" s="130"/>
      <c r="D52" s="130"/>
      <c r="E52" s="130"/>
      <c r="F52" s="130"/>
      <c r="G52" s="130"/>
      <c r="H52" s="130"/>
      <c r="I52" s="130"/>
      <c r="J52" s="130"/>
      <c r="K52" s="130"/>
      <c r="L52" s="130"/>
      <c r="N52" s="130"/>
    </row>
    <row r="53" spans="1:14" x14ac:dyDescent="0.15">
      <c r="C53" s="130"/>
      <c r="D53" s="130"/>
      <c r="E53" s="130"/>
      <c r="F53" s="130"/>
      <c r="G53" s="130"/>
      <c r="H53" s="130"/>
      <c r="I53" s="130"/>
      <c r="J53" s="130"/>
      <c r="K53" s="130"/>
      <c r="L53" s="130"/>
      <c r="N53" s="130"/>
    </row>
    <row r="54" spans="1:14" x14ac:dyDescent="0.15">
      <c r="C54" s="130"/>
      <c r="D54" s="130"/>
      <c r="E54" s="130"/>
      <c r="F54" s="130"/>
      <c r="G54" s="130"/>
      <c r="H54" s="130"/>
      <c r="I54" s="130"/>
      <c r="J54" s="130"/>
      <c r="K54" s="130"/>
      <c r="L54" s="130"/>
      <c r="N54" s="130"/>
    </row>
    <row r="55" spans="1:14" x14ac:dyDescent="0.15">
      <c r="C55" s="130"/>
      <c r="D55" s="130"/>
      <c r="E55" s="130"/>
      <c r="F55" s="130"/>
      <c r="G55" s="130"/>
      <c r="H55" s="130"/>
      <c r="I55" s="130"/>
      <c r="J55" s="130"/>
      <c r="K55" s="130"/>
      <c r="L55" s="130"/>
      <c r="N55" s="130"/>
    </row>
    <row r="56" spans="1:14" x14ac:dyDescent="0.15">
      <c r="C56" s="130"/>
      <c r="D56" s="130"/>
      <c r="E56" s="130"/>
      <c r="F56" s="130"/>
      <c r="G56" s="130"/>
      <c r="H56" s="130"/>
      <c r="I56" s="130"/>
      <c r="J56" s="130"/>
      <c r="K56" s="130"/>
      <c r="L56" s="130"/>
      <c r="N56" s="130"/>
    </row>
    <row r="57" spans="1:14" x14ac:dyDescent="0.15">
      <c r="C57" s="130"/>
      <c r="D57" s="130"/>
      <c r="E57" s="130"/>
      <c r="F57" s="130"/>
      <c r="G57" s="130"/>
      <c r="H57" s="130"/>
      <c r="I57" s="130"/>
      <c r="J57" s="130"/>
      <c r="K57" s="130"/>
      <c r="L57" s="130"/>
      <c r="N57" s="130"/>
    </row>
    <row r="58" spans="1:14" x14ac:dyDescent="0.15">
      <c r="C58" s="130"/>
      <c r="D58" s="130"/>
      <c r="E58" s="130"/>
      <c r="F58" s="130"/>
      <c r="G58" s="130"/>
      <c r="H58" s="130"/>
      <c r="I58" s="130"/>
      <c r="J58" s="130"/>
      <c r="K58" s="130"/>
      <c r="L58" s="130"/>
      <c r="N58" s="130"/>
    </row>
    <row r="59" spans="1:14" x14ac:dyDescent="0.15">
      <c r="C59" s="130"/>
      <c r="D59" s="130"/>
      <c r="E59" s="130"/>
      <c r="F59" s="130"/>
      <c r="G59" s="130"/>
      <c r="H59" s="130"/>
      <c r="I59" s="130"/>
      <c r="J59" s="130"/>
      <c r="K59" s="130"/>
      <c r="L59" s="130"/>
      <c r="N59" s="130"/>
    </row>
    <row r="60" spans="1:14" x14ac:dyDescent="0.15">
      <c r="C60" s="130"/>
      <c r="D60" s="130"/>
      <c r="E60" s="130"/>
      <c r="F60" s="130"/>
      <c r="G60" s="130"/>
      <c r="H60" s="130"/>
      <c r="I60" s="130"/>
      <c r="J60" s="130"/>
      <c r="K60" s="130"/>
      <c r="L60" s="130"/>
      <c r="N60" s="130"/>
    </row>
    <row r="61" spans="1:14" x14ac:dyDescent="0.15">
      <c r="C61" s="130"/>
      <c r="D61" s="130"/>
      <c r="E61" s="130"/>
      <c r="F61" s="130"/>
      <c r="G61" s="130"/>
      <c r="H61" s="130"/>
      <c r="I61" s="130"/>
      <c r="J61" s="130"/>
      <c r="K61" s="130"/>
      <c r="L61" s="130"/>
      <c r="N61" s="130"/>
    </row>
    <row r="62" spans="1:14" x14ac:dyDescent="0.15">
      <c r="C62" s="130"/>
      <c r="D62" s="130"/>
      <c r="E62" s="130"/>
      <c r="F62" s="130"/>
      <c r="G62" s="130"/>
      <c r="H62" s="130"/>
      <c r="I62" s="130"/>
      <c r="J62" s="130"/>
      <c r="K62" s="130"/>
      <c r="L62" s="130"/>
      <c r="N62" s="130"/>
    </row>
    <row r="63" spans="1:14" x14ac:dyDescent="0.15">
      <c r="C63" s="130"/>
      <c r="D63" s="130"/>
      <c r="E63" s="130"/>
      <c r="F63" s="130"/>
      <c r="G63" s="130"/>
      <c r="H63" s="130"/>
      <c r="I63" s="130"/>
      <c r="J63" s="130"/>
      <c r="K63" s="130"/>
      <c r="L63" s="130"/>
      <c r="N63" s="130"/>
    </row>
    <row r="64" spans="1:14" x14ac:dyDescent="0.15">
      <c r="C64" s="130"/>
      <c r="D64" s="130"/>
      <c r="E64" s="130"/>
      <c r="F64" s="130"/>
      <c r="G64" s="130"/>
      <c r="H64" s="130"/>
      <c r="I64" s="130"/>
      <c r="J64" s="130"/>
      <c r="K64" s="130"/>
      <c r="L64" s="130"/>
      <c r="N64" s="130"/>
    </row>
    <row r="65" spans="3:14" x14ac:dyDescent="0.15">
      <c r="C65" s="130"/>
      <c r="D65" s="130"/>
      <c r="E65" s="130"/>
      <c r="F65" s="130"/>
      <c r="G65" s="130"/>
      <c r="H65" s="130"/>
      <c r="I65" s="130"/>
      <c r="J65" s="130"/>
      <c r="K65" s="130"/>
      <c r="L65" s="130"/>
      <c r="N65" s="130"/>
    </row>
    <row r="66" spans="3:14" x14ac:dyDescent="0.15">
      <c r="C66" s="130"/>
      <c r="D66" s="130"/>
      <c r="E66" s="130"/>
      <c r="F66" s="130"/>
      <c r="G66" s="130"/>
      <c r="H66" s="130"/>
      <c r="I66" s="130"/>
      <c r="J66" s="130"/>
      <c r="K66" s="130"/>
      <c r="L66" s="130"/>
      <c r="N66" s="130"/>
    </row>
    <row r="67" spans="3:14" x14ac:dyDescent="0.15">
      <c r="C67" s="130"/>
      <c r="D67" s="130"/>
      <c r="E67" s="130"/>
      <c r="F67" s="130"/>
      <c r="G67" s="130"/>
      <c r="H67" s="130"/>
      <c r="I67" s="130"/>
      <c r="J67" s="130"/>
      <c r="K67" s="130"/>
      <c r="L67" s="130"/>
      <c r="N67" s="130"/>
    </row>
    <row r="68" spans="3:14" x14ac:dyDescent="0.15">
      <c r="C68" s="130"/>
      <c r="D68" s="130"/>
      <c r="E68" s="130"/>
      <c r="F68" s="130"/>
      <c r="G68" s="130"/>
      <c r="H68" s="130"/>
      <c r="I68" s="130"/>
      <c r="J68" s="130"/>
      <c r="K68" s="130"/>
      <c r="L68" s="130"/>
      <c r="N68" s="130"/>
    </row>
    <row r="69" spans="3:14" x14ac:dyDescent="0.15">
      <c r="C69" s="130"/>
      <c r="D69" s="130"/>
      <c r="E69" s="130"/>
      <c r="F69" s="130"/>
      <c r="G69" s="130"/>
      <c r="H69" s="130"/>
      <c r="I69" s="130"/>
      <c r="J69" s="130"/>
      <c r="K69" s="130"/>
      <c r="L69" s="130"/>
      <c r="N69" s="130"/>
    </row>
    <row r="70" spans="3:14" x14ac:dyDescent="0.15">
      <c r="C70" s="130"/>
      <c r="D70" s="130"/>
      <c r="E70" s="130"/>
      <c r="F70" s="130"/>
      <c r="G70" s="130"/>
      <c r="H70" s="130"/>
      <c r="I70" s="130"/>
      <c r="J70" s="130"/>
      <c r="K70" s="130"/>
      <c r="L70" s="130"/>
      <c r="N70" s="130"/>
    </row>
    <row r="71" spans="3:14" x14ac:dyDescent="0.15">
      <c r="C71" s="130"/>
      <c r="D71" s="130"/>
      <c r="E71" s="130"/>
      <c r="F71" s="130"/>
      <c r="G71" s="130"/>
      <c r="H71" s="130"/>
      <c r="I71" s="130"/>
      <c r="J71" s="130"/>
      <c r="K71" s="130"/>
      <c r="L71" s="130"/>
      <c r="N71" s="130"/>
    </row>
    <row r="72" spans="3:14" x14ac:dyDescent="0.15">
      <c r="C72" s="130"/>
      <c r="D72" s="130"/>
      <c r="E72" s="130"/>
      <c r="F72" s="130"/>
      <c r="G72" s="130"/>
      <c r="H72" s="130"/>
      <c r="I72" s="130"/>
      <c r="J72" s="130"/>
      <c r="K72" s="130"/>
      <c r="L72" s="130"/>
      <c r="N72" s="130"/>
    </row>
    <row r="73" spans="3:14" x14ac:dyDescent="0.15">
      <c r="C73" s="130"/>
      <c r="D73" s="130"/>
      <c r="E73" s="130"/>
      <c r="F73" s="130"/>
      <c r="G73" s="130"/>
      <c r="H73" s="130"/>
      <c r="I73" s="130"/>
      <c r="J73" s="130"/>
      <c r="K73" s="130"/>
      <c r="L73" s="130"/>
      <c r="N73" s="130"/>
    </row>
    <row r="74" spans="3:14" x14ac:dyDescent="0.15">
      <c r="C74" s="130"/>
      <c r="D74" s="130"/>
      <c r="E74" s="130"/>
      <c r="F74" s="130"/>
      <c r="G74" s="130"/>
      <c r="H74" s="130"/>
      <c r="I74" s="130"/>
      <c r="J74" s="130"/>
      <c r="K74" s="130"/>
      <c r="L74" s="130"/>
      <c r="N74" s="130"/>
    </row>
    <row r="75" spans="3:14" x14ac:dyDescent="0.15">
      <c r="C75" s="130"/>
      <c r="D75" s="130"/>
      <c r="E75" s="130"/>
      <c r="F75" s="130"/>
      <c r="G75" s="130"/>
      <c r="H75" s="130"/>
      <c r="I75" s="130"/>
      <c r="J75" s="130"/>
      <c r="K75" s="130"/>
      <c r="L75" s="130"/>
      <c r="N75" s="130"/>
    </row>
    <row r="76" spans="3:14" x14ac:dyDescent="0.15">
      <c r="C76" s="130"/>
      <c r="D76" s="130"/>
      <c r="E76" s="130"/>
      <c r="F76" s="130"/>
      <c r="G76" s="130"/>
      <c r="H76" s="130"/>
      <c r="I76" s="130"/>
      <c r="J76" s="130"/>
      <c r="K76" s="130"/>
      <c r="L76" s="130"/>
      <c r="N76" s="130"/>
    </row>
    <row r="77" spans="3:14" x14ac:dyDescent="0.15">
      <c r="C77" s="130"/>
      <c r="D77" s="130"/>
      <c r="E77" s="130"/>
      <c r="F77" s="130"/>
      <c r="G77" s="130"/>
      <c r="H77" s="130"/>
      <c r="I77" s="130"/>
      <c r="J77" s="130"/>
      <c r="K77" s="130"/>
      <c r="L77" s="130"/>
      <c r="N77" s="130"/>
    </row>
    <row r="78" spans="3:14" x14ac:dyDescent="0.15">
      <c r="C78" s="130"/>
      <c r="D78" s="130"/>
      <c r="E78" s="130"/>
      <c r="F78" s="130"/>
      <c r="G78" s="130"/>
      <c r="H78" s="130"/>
      <c r="I78" s="130"/>
      <c r="J78" s="130"/>
      <c r="K78" s="130"/>
      <c r="L78" s="130"/>
      <c r="N78" s="130"/>
    </row>
    <row r="79" spans="3:14" x14ac:dyDescent="0.15">
      <c r="C79" s="130"/>
      <c r="D79" s="130"/>
      <c r="E79" s="130"/>
      <c r="F79" s="130"/>
      <c r="G79" s="130"/>
      <c r="H79" s="130"/>
      <c r="I79" s="130"/>
      <c r="J79" s="130"/>
      <c r="K79" s="130"/>
      <c r="L79" s="130"/>
      <c r="N79" s="130"/>
    </row>
    <row r="80" spans="3:14" x14ac:dyDescent="0.15">
      <c r="C80" s="130"/>
      <c r="D80" s="130"/>
      <c r="E80" s="130"/>
      <c r="F80" s="130"/>
      <c r="G80" s="130"/>
      <c r="H80" s="130"/>
      <c r="I80" s="130"/>
      <c r="J80" s="130"/>
      <c r="K80" s="130"/>
      <c r="L80" s="130"/>
      <c r="N80" s="130"/>
    </row>
    <row r="81" spans="3:14" x14ac:dyDescent="0.15">
      <c r="C81" s="130"/>
      <c r="D81" s="130"/>
      <c r="E81" s="130"/>
      <c r="F81" s="130"/>
      <c r="G81" s="130"/>
      <c r="H81" s="130"/>
      <c r="I81" s="130"/>
      <c r="J81" s="130"/>
      <c r="K81" s="130"/>
      <c r="L81" s="130"/>
      <c r="N81" s="130"/>
    </row>
    <row r="82" spans="3:14" x14ac:dyDescent="0.15">
      <c r="C82" s="130"/>
      <c r="D82" s="130"/>
      <c r="E82" s="130"/>
      <c r="F82" s="130"/>
      <c r="G82" s="130"/>
      <c r="H82" s="130"/>
      <c r="I82" s="130"/>
      <c r="J82" s="130"/>
      <c r="K82" s="130"/>
      <c r="L82" s="130"/>
      <c r="N82" s="130"/>
    </row>
    <row r="83" spans="3:14" x14ac:dyDescent="0.15">
      <c r="C83" s="130"/>
      <c r="D83" s="130"/>
      <c r="E83" s="130"/>
      <c r="F83" s="130"/>
      <c r="G83" s="130"/>
      <c r="H83" s="130"/>
      <c r="I83" s="130"/>
      <c r="J83" s="130"/>
      <c r="K83" s="130"/>
      <c r="L83" s="130"/>
      <c r="N83" s="130"/>
    </row>
    <row r="84" spans="3:14" x14ac:dyDescent="0.15">
      <c r="C84" s="130"/>
      <c r="D84" s="130"/>
      <c r="E84" s="130"/>
      <c r="F84" s="130"/>
      <c r="G84" s="130"/>
      <c r="H84" s="130"/>
      <c r="I84" s="130"/>
      <c r="J84" s="130"/>
      <c r="K84" s="130"/>
      <c r="L84" s="130"/>
      <c r="N84" s="130"/>
    </row>
    <row r="85" spans="3:14" x14ac:dyDescent="0.15">
      <c r="C85" s="130"/>
      <c r="D85" s="130"/>
      <c r="E85" s="130"/>
      <c r="F85" s="130"/>
      <c r="G85" s="130"/>
      <c r="H85" s="130"/>
      <c r="I85" s="130"/>
      <c r="J85" s="130"/>
      <c r="K85" s="130"/>
      <c r="L85" s="130"/>
      <c r="N85" s="130"/>
    </row>
    <row r="86" spans="3:14" x14ac:dyDescent="0.15">
      <c r="C86" s="130"/>
      <c r="D86" s="130"/>
      <c r="E86" s="130"/>
      <c r="F86" s="130"/>
      <c r="G86" s="130"/>
      <c r="H86" s="130"/>
      <c r="I86" s="130"/>
      <c r="J86" s="130"/>
      <c r="K86" s="130"/>
      <c r="L86" s="130"/>
      <c r="N86" s="130"/>
    </row>
    <row r="87" spans="3:14" x14ac:dyDescent="0.15">
      <c r="C87" s="130"/>
      <c r="D87" s="130"/>
      <c r="E87" s="130"/>
      <c r="F87" s="130"/>
      <c r="G87" s="130"/>
      <c r="H87" s="130"/>
      <c r="I87" s="130"/>
      <c r="J87" s="130"/>
      <c r="K87" s="130"/>
      <c r="L87" s="130"/>
      <c r="N87" s="130"/>
    </row>
    <row r="88" spans="3:14" x14ac:dyDescent="0.15">
      <c r="C88" s="130"/>
      <c r="D88" s="130"/>
      <c r="E88" s="130"/>
      <c r="F88" s="130"/>
      <c r="G88" s="130"/>
      <c r="H88" s="130"/>
      <c r="I88" s="130"/>
      <c r="J88" s="130"/>
      <c r="K88" s="130"/>
      <c r="L88" s="130"/>
      <c r="N88" s="130"/>
    </row>
    <row r="89" spans="3:14" x14ac:dyDescent="0.15">
      <c r="C89" s="130"/>
      <c r="D89" s="130"/>
      <c r="E89" s="130"/>
      <c r="F89" s="130"/>
      <c r="G89" s="130"/>
      <c r="H89" s="130"/>
      <c r="I89" s="130"/>
      <c r="J89" s="130"/>
      <c r="K89" s="130"/>
      <c r="L89" s="130"/>
      <c r="N89" s="130"/>
    </row>
    <row r="90" spans="3:14" x14ac:dyDescent="0.15">
      <c r="C90" s="130"/>
      <c r="D90" s="130"/>
      <c r="E90" s="130"/>
      <c r="F90" s="130"/>
      <c r="G90" s="130"/>
      <c r="H90" s="130"/>
      <c r="I90" s="130"/>
      <c r="J90" s="130"/>
      <c r="K90" s="130"/>
      <c r="L90" s="130"/>
      <c r="N90" s="130"/>
    </row>
    <row r="91" spans="3:14" x14ac:dyDescent="0.15">
      <c r="C91" s="130"/>
      <c r="D91" s="130"/>
      <c r="E91" s="130"/>
      <c r="F91" s="130"/>
      <c r="G91" s="130"/>
      <c r="H91" s="130"/>
      <c r="I91" s="130"/>
      <c r="J91" s="130"/>
      <c r="K91" s="130"/>
      <c r="L91" s="130"/>
      <c r="N91" s="130"/>
    </row>
    <row r="92" spans="3:14" x14ac:dyDescent="0.15">
      <c r="C92" s="130"/>
      <c r="D92" s="130"/>
      <c r="E92" s="130"/>
      <c r="F92" s="130"/>
      <c r="G92" s="130"/>
      <c r="H92" s="130"/>
      <c r="I92" s="130"/>
      <c r="J92" s="130"/>
      <c r="K92" s="130"/>
      <c r="L92" s="130"/>
      <c r="N92" s="130"/>
    </row>
    <row r="93" spans="3:14" x14ac:dyDescent="0.15">
      <c r="C93" s="130"/>
      <c r="D93" s="130"/>
      <c r="E93" s="130"/>
      <c r="F93" s="130"/>
      <c r="G93" s="130"/>
      <c r="H93" s="130"/>
      <c r="I93" s="130"/>
      <c r="J93" s="130"/>
      <c r="K93" s="130"/>
      <c r="L93" s="130"/>
      <c r="N93" s="130"/>
    </row>
    <row r="94" spans="3:14" x14ac:dyDescent="0.15">
      <c r="C94" s="130"/>
      <c r="D94" s="130"/>
      <c r="E94" s="130"/>
      <c r="F94" s="130"/>
      <c r="G94" s="130"/>
      <c r="H94" s="130"/>
      <c r="I94" s="130"/>
      <c r="J94" s="130"/>
      <c r="K94" s="130"/>
      <c r="L94" s="130"/>
      <c r="N94" s="130"/>
    </row>
    <row r="95" spans="3:14" x14ac:dyDescent="0.15">
      <c r="C95" s="130"/>
      <c r="D95" s="130"/>
      <c r="E95" s="130"/>
      <c r="F95" s="130"/>
      <c r="G95" s="130"/>
      <c r="H95" s="130"/>
      <c r="I95" s="130"/>
      <c r="J95" s="130"/>
      <c r="K95" s="130"/>
      <c r="L95" s="130"/>
      <c r="N95" s="130"/>
    </row>
    <row r="96" spans="3:14" x14ac:dyDescent="0.15">
      <c r="C96" s="130"/>
      <c r="D96" s="130"/>
      <c r="E96" s="130"/>
      <c r="F96" s="130"/>
      <c r="G96" s="130"/>
      <c r="H96" s="130"/>
      <c r="I96" s="130"/>
      <c r="J96" s="130"/>
      <c r="K96" s="130"/>
      <c r="L96" s="130"/>
      <c r="N96" s="130"/>
    </row>
    <row r="97" spans="3:14" x14ac:dyDescent="0.15">
      <c r="C97" s="130"/>
      <c r="D97" s="130"/>
      <c r="E97" s="130"/>
      <c r="F97" s="130"/>
      <c r="G97" s="130"/>
      <c r="H97" s="130"/>
      <c r="I97" s="130"/>
      <c r="J97" s="130"/>
      <c r="K97" s="130"/>
      <c r="L97" s="130"/>
      <c r="N97" s="130"/>
    </row>
    <row r="98" spans="3:14" x14ac:dyDescent="0.15">
      <c r="C98" s="130"/>
      <c r="D98" s="130"/>
      <c r="E98" s="130"/>
      <c r="F98" s="130"/>
      <c r="G98" s="130"/>
      <c r="H98" s="130"/>
      <c r="I98" s="130"/>
      <c r="J98" s="130"/>
      <c r="K98" s="130"/>
      <c r="L98" s="130"/>
      <c r="N98" s="130"/>
    </row>
    <row r="99" spans="3:14" x14ac:dyDescent="0.15">
      <c r="C99" s="130"/>
      <c r="D99" s="130"/>
      <c r="E99" s="130"/>
      <c r="F99" s="130"/>
      <c r="G99" s="130"/>
      <c r="H99" s="130"/>
      <c r="I99" s="130"/>
      <c r="J99" s="130"/>
      <c r="K99" s="130"/>
      <c r="L99" s="130"/>
      <c r="N99" s="130"/>
    </row>
    <row r="100" spans="3:14" x14ac:dyDescent="0.15">
      <c r="N100" s="130"/>
    </row>
    <row r="101" spans="3:14" x14ac:dyDescent="0.15">
      <c r="N101" s="130"/>
    </row>
    <row r="102" spans="3:14" x14ac:dyDescent="0.15">
      <c r="N102" s="130"/>
    </row>
    <row r="103" spans="3:14" x14ac:dyDescent="0.15">
      <c r="N103" s="130"/>
    </row>
    <row r="104" spans="3:14" x14ac:dyDescent="0.15">
      <c r="N104" s="130"/>
    </row>
    <row r="105" spans="3:14" x14ac:dyDescent="0.15">
      <c r="N105" s="130"/>
    </row>
    <row r="106" spans="3:14" x14ac:dyDescent="0.15">
      <c r="N106" s="130"/>
    </row>
    <row r="107" spans="3:14" x14ac:dyDescent="0.15">
      <c r="N107" s="130"/>
    </row>
    <row r="108" spans="3:14" x14ac:dyDescent="0.15">
      <c r="N108" s="130"/>
    </row>
    <row r="109" spans="3:14" x14ac:dyDescent="0.15">
      <c r="N109" s="130"/>
    </row>
    <row r="110" spans="3:14" x14ac:dyDescent="0.15">
      <c r="N110" s="130"/>
    </row>
    <row r="111" spans="3:14" x14ac:dyDescent="0.15">
      <c r="N111" s="130"/>
    </row>
    <row r="112" spans="3:14" x14ac:dyDescent="0.15">
      <c r="N112" s="130"/>
    </row>
    <row r="113" spans="14:14" x14ac:dyDescent="0.15">
      <c r="N113" s="130"/>
    </row>
    <row r="114" spans="14:14" x14ac:dyDescent="0.15">
      <c r="N114" s="130"/>
    </row>
    <row r="115" spans="14:14" x14ac:dyDescent="0.15">
      <c r="N115" s="130"/>
    </row>
    <row r="116" spans="14:14" x14ac:dyDescent="0.15">
      <c r="N116" s="130"/>
    </row>
    <row r="117" spans="14:14" x14ac:dyDescent="0.15">
      <c r="N117" s="130"/>
    </row>
    <row r="118" spans="14:14" x14ac:dyDescent="0.15">
      <c r="N118" s="130"/>
    </row>
    <row r="119" spans="14:14" x14ac:dyDescent="0.15">
      <c r="N119" s="130"/>
    </row>
    <row r="120" spans="14:14" x14ac:dyDescent="0.15">
      <c r="N120" s="130"/>
    </row>
    <row r="121" spans="14:14" x14ac:dyDescent="0.15">
      <c r="N121" s="130"/>
    </row>
    <row r="122" spans="14:14" x14ac:dyDescent="0.15">
      <c r="N122" s="130"/>
    </row>
    <row r="123" spans="14:14" x14ac:dyDescent="0.15">
      <c r="N123" s="130"/>
    </row>
    <row r="124" spans="14:14" x14ac:dyDescent="0.15">
      <c r="N124" s="130"/>
    </row>
    <row r="125" spans="14:14" x14ac:dyDescent="0.15">
      <c r="N125" s="130"/>
    </row>
    <row r="126" spans="14:14" x14ac:dyDescent="0.15">
      <c r="N126" s="130"/>
    </row>
    <row r="127" spans="14:14" x14ac:dyDescent="0.15">
      <c r="N127" s="130"/>
    </row>
    <row r="128" spans="14:14" x14ac:dyDescent="0.15">
      <c r="N128" s="130"/>
    </row>
    <row r="129" spans="14:14" x14ac:dyDescent="0.15">
      <c r="N129" s="130"/>
    </row>
    <row r="130" spans="14:14" x14ac:dyDescent="0.15">
      <c r="N130" s="130"/>
    </row>
    <row r="131" spans="14:14" x14ac:dyDescent="0.15">
      <c r="N131" s="130"/>
    </row>
    <row r="132" spans="14:14" x14ac:dyDescent="0.15">
      <c r="N132" s="130"/>
    </row>
    <row r="133" spans="14:14" x14ac:dyDescent="0.15">
      <c r="N133" s="130"/>
    </row>
    <row r="134" spans="14:14" x14ac:dyDescent="0.15">
      <c r="N134" s="130"/>
    </row>
    <row r="135" spans="14:14" x14ac:dyDescent="0.15">
      <c r="N135" s="130"/>
    </row>
    <row r="136" spans="14:14" x14ac:dyDescent="0.15">
      <c r="N136" s="130"/>
    </row>
    <row r="137" spans="14:14" x14ac:dyDescent="0.15">
      <c r="N137" s="130"/>
    </row>
    <row r="138" spans="14:14" x14ac:dyDescent="0.15">
      <c r="N138" s="130"/>
    </row>
    <row r="139" spans="14:14" x14ac:dyDescent="0.15">
      <c r="N139" s="130"/>
    </row>
    <row r="140" spans="14:14" x14ac:dyDescent="0.15">
      <c r="N140" s="130"/>
    </row>
    <row r="141" spans="14:14" x14ac:dyDescent="0.15">
      <c r="N141" s="130"/>
    </row>
    <row r="142" spans="14:14" x14ac:dyDescent="0.15">
      <c r="N142" s="130"/>
    </row>
    <row r="143" spans="14:14" x14ac:dyDescent="0.15">
      <c r="N143" s="130"/>
    </row>
    <row r="144" spans="14:14" x14ac:dyDescent="0.15">
      <c r="N144" s="130"/>
    </row>
    <row r="145" spans="14:14" x14ac:dyDescent="0.15">
      <c r="N145" s="130"/>
    </row>
    <row r="146" spans="14:14" x14ac:dyDescent="0.15">
      <c r="N146" s="130"/>
    </row>
    <row r="147" spans="14:14" x14ac:dyDescent="0.15">
      <c r="N147" s="130"/>
    </row>
    <row r="148" spans="14:14" x14ac:dyDescent="0.15">
      <c r="N148" s="130"/>
    </row>
    <row r="149" spans="14:14" x14ac:dyDescent="0.15">
      <c r="N149" s="130"/>
    </row>
    <row r="150" spans="14:14" x14ac:dyDescent="0.15">
      <c r="N150" s="130"/>
    </row>
    <row r="151" spans="14:14" x14ac:dyDescent="0.15">
      <c r="N151" s="130"/>
    </row>
    <row r="152" spans="14:14" x14ac:dyDescent="0.15">
      <c r="N152" s="130"/>
    </row>
    <row r="153" spans="14:14" x14ac:dyDescent="0.15">
      <c r="N153" s="130"/>
    </row>
    <row r="154" spans="14:14" x14ac:dyDescent="0.15">
      <c r="N154" s="130"/>
    </row>
    <row r="155" spans="14:14" x14ac:dyDescent="0.15">
      <c r="N155" s="130"/>
    </row>
    <row r="156" spans="14:14" x14ac:dyDescent="0.15">
      <c r="N156" s="130"/>
    </row>
    <row r="157" spans="14:14" x14ac:dyDescent="0.15">
      <c r="N157" s="130"/>
    </row>
    <row r="158" spans="14:14" x14ac:dyDescent="0.15">
      <c r="N158" s="130"/>
    </row>
    <row r="159" spans="14:14" x14ac:dyDescent="0.15">
      <c r="N159" s="130"/>
    </row>
    <row r="160" spans="14:14" x14ac:dyDescent="0.15">
      <c r="N160" s="130"/>
    </row>
    <row r="161" spans="14:14" x14ac:dyDescent="0.15">
      <c r="N161" s="130"/>
    </row>
    <row r="162" spans="14:14" x14ac:dyDescent="0.15">
      <c r="N162" s="130"/>
    </row>
  </sheetData>
  <mergeCells count="10">
    <mergeCell ref="A51:B51"/>
    <mergeCell ref="G3:H3"/>
    <mergeCell ref="I3:J3"/>
    <mergeCell ref="K3:L3"/>
    <mergeCell ref="M3:N3"/>
    <mergeCell ref="A49:B49"/>
    <mergeCell ref="A50:B50"/>
    <mergeCell ref="C3:D3"/>
    <mergeCell ref="E3:F3"/>
    <mergeCell ref="A3:B5"/>
  </mergeCells>
  <phoneticPr fontId="3"/>
  <printOptions horizontalCentered="1" gridLinesSet="0"/>
  <pageMargins left="0.7" right="0.7" top="0.75" bottom="0.75" header="0.3" footer="0.3"/>
  <pageSetup paperSize="9" scale="90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収納率（滞繰）</vt:lpstr>
      <vt:lpstr>'収納率（滞繰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9T00:45:07Z</cp:lastPrinted>
  <dcterms:created xsi:type="dcterms:W3CDTF">2018-03-07T07:16:11Z</dcterms:created>
  <dcterms:modified xsi:type="dcterms:W3CDTF">2018-03-09T00:51:38Z</dcterms:modified>
</cp:coreProperties>
</file>